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86\04_子育て支援人材グループ\60_保育士養成施設関係\☆各種様式\★202411_様式変更・周知\★様式変更起案\施行\"/>
    </mc:Choice>
  </mc:AlternateContent>
  <bookViews>
    <workbookView xWindow="240" yWindow="40" windowWidth="10640" windowHeight="5620" tabRatio="876"/>
  </bookViews>
  <sheets>
    <sheet name="１かがみ（計画書）" sheetId="22" r:id="rId1"/>
    <sheet name="１かがみ (申請書)" sheetId="35" r:id="rId2"/>
    <sheet name="２計画書" sheetId="1" r:id="rId3"/>
    <sheet name="２申請書" sheetId="36" r:id="rId4"/>
    <sheet name="【様式１】施設長履歴書" sheetId="34" r:id="rId5"/>
    <sheet name="施設長就任承諾書" sheetId="33" r:id="rId6"/>
    <sheet name="【様式２】教員調書" sheetId="24" r:id="rId7"/>
    <sheet name="教員就任承諾書" sheetId="25" r:id="rId8"/>
    <sheet name="【様式３～６】読替表（１）" sheetId="10" r:id="rId9"/>
    <sheet name="【様式７】読替表（２）" sheetId="14" r:id="rId10"/>
    <sheet name="【様式８】授業概要" sheetId="37" r:id="rId11"/>
    <sheet name="【様式９】時間割" sheetId="19" r:id="rId12"/>
    <sheet name="【様式10】授業進度計画表" sheetId="42" r:id="rId13"/>
    <sheet name="【様式11】変更内容調書" sheetId="28" r:id="rId14"/>
    <sheet name="【様式12】建物一覧" sheetId="43" r:id="rId15"/>
    <sheet name="【様式13】備品一覧" sheetId="44" r:id="rId16"/>
    <sheet name="【様式14】実習施設一覧" sheetId="29" r:id="rId17"/>
    <sheet name="【様式15】実習施設承諾書" sheetId="30" r:id="rId18"/>
    <sheet name="【様式16】巡回指導計画表" sheetId="40" r:id="rId19"/>
    <sheet name="【様式17】調査書（指定都市のみ）" sheetId="45" r:id="rId20"/>
  </sheets>
  <definedNames>
    <definedName name="_xlnm.Print_Area" localSheetId="12">【様式10】授業進度計画表!$A$1:$BQ$39</definedName>
    <definedName name="_xlnm.Print_Area" localSheetId="14">【様式12】建物一覧!$A$1:$L$27</definedName>
    <definedName name="_xlnm.Print_Area" localSheetId="15">【様式13】備品一覧!$A$1:$I$15</definedName>
    <definedName name="_xlnm.Print_Area" localSheetId="17">【様式15】実習施設承諾書!$A$1:$B$36</definedName>
    <definedName name="_xlnm.Print_Area" localSheetId="19">'【様式17】調査書（指定都市のみ）'!$A$1:$T$99</definedName>
    <definedName name="_xlnm.Print_Area" localSheetId="8">'【様式３～６】読替表（１）'!$A$1:$O$119</definedName>
    <definedName name="_xlnm.Print_Area" localSheetId="10">【様式８】授業概要!$A$1:$E$42</definedName>
    <definedName name="_xlnm.Print_Area" localSheetId="1">'１かがみ (申請書)'!$A$1:$I$29</definedName>
    <definedName name="_xlnm.Print_Area" localSheetId="0">'１かがみ（計画書）'!$A$1:$I$29</definedName>
    <definedName name="_xlnm.Print_Area" localSheetId="2">'２計画書'!$A$1:$T$40</definedName>
    <definedName name="_xlnm.Print_Area" localSheetId="3">'２申請書'!$A$1:$T$40</definedName>
  </definedNames>
  <calcPr calcId="125725"/>
</workbook>
</file>

<file path=xl/sharedStrings.xml><?xml version="1.0" encoding="utf-8"?>
<sst xmlns="http://schemas.openxmlformats.org/spreadsheetml/2006/main" count="887" uniqueCount="618">
  <si>
    <t>備　　　　　　考</t>
    <rPh sb="0" eb="8">
      <t>ビコウ</t>
    </rPh>
    <phoneticPr fontId="6"/>
  </si>
  <si>
    <t>合　　計</t>
    <rPh sb="0" eb="1">
      <t>ゴウ</t>
    </rPh>
    <rPh sb="3" eb="4">
      <t>ケイ</t>
    </rPh>
    <phoneticPr fontId="6"/>
  </si>
  <si>
    <t>小　　計</t>
    <rPh sb="0" eb="1">
      <t>ショウ</t>
    </rPh>
    <rPh sb="3" eb="4">
      <t>ケイ</t>
    </rPh>
    <phoneticPr fontId="6"/>
  </si>
  <si>
    <t>住所（所在地）</t>
    <rPh sb="0" eb="2">
      <t>ジュウショ</t>
    </rPh>
    <rPh sb="3" eb="6">
      <t>ショザイチ</t>
    </rPh>
    <phoneticPr fontId="1"/>
  </si>
  <si>
    <t>学校又は施設の長の氏名</t>
    <rPh sb="0" eb="2">
      <t>ガッコウ</t>
    </rPh>
    <rPh sb="2" eb="3">
      <t>マタ</t>
    </rPh>
    <rPh sb="4" eb="6">
      <t>シセツ</t>
    </rPh>
    <rPh sb="7" eb="8">
      <t>チョウ</t>
    </rPh>
    <rPh sb="9" eb="11">
      <t>シメイ</t>
    </rPh>
    <phoneticPr fontId="1"/>
  </si>
  <si>
    <t>修業年限</t>
    <rPh sb="0" eb="2">
      <t>シュウギョウ</t>
    </rPh>
    <rPh sb="2" eb="4">
      <t>ネンゲン</t>
    </rPh>
    <phoneticPr fontId="1"/>
  </si>
  <si>
    <t>学生定員</t>
    <rPh sb="0" eb="2">
      <t>ガクセイ</t>
    </rPh>
    <rPh sb="2" eb="4">
      <t>テイイン</t>
    </rPh>
    <phoneticPr fontId="1"/>
  </si>
  <si>
    <t>氏名</t>
    <rPh sb="0" eb="2">
      <t>シメイ</t>
    </rPh>
    <phoneticPr fontId="1"/>
  </si>
  <si>
    <t>頁番号</t>
    <rPh sb="0" eb="1">
      <t>ページ</t>
    </rPh>
    <rPh sb="1" eb="3">
      <t>バンゴウ</t>
    </rPh>
    <phoneticPr fontId="1"/>
  </si>
  <si>
    <t>設　　置　　者                        法人の場合は　　　　　　　　　　　　　　　　　　　　　　　　　名称、所在地</t>
    <rPh sb="0" eb="1">
      <t>セツ</t>
    </rPh>
    <rPh sb="3" eb="4">
      <t>オキ</t>
    </rPh>
    <rPh sb="6" eb="7">
      <t>シャ</t>
    </rPh>
    <rPh sb="31" eb="33">
      <t>ホウジン</t>
    </rPh>
    <rPh sb="34" eb="36">
      <t>バアイ</t>
    </rPh>
    <rPh sb="62" eb="64">
      <t>メイショウ</t>
    </rPh>
    <rPh sb="65" eb="68">
      <t>ショザイチ</t>
    </rPh>
    <phoneticPr fontId="1"/>
  </si>
  <si>
    <t>設 置 年 月 日</t>
    <rPh sb="0" eb="1">
      <t>セツ</t>
    </rPh>
    <rPh sb="2" eb="3">
      <t>オキ</t>
    </rPh>
    <rPh sb="4" eb="5">
      <t>トシ</t>
    </rPh>
    <rPh sb="6" eb="7">
      <t>ツキ</t>
    </rPh>
    <rPh sb="8" eb="9">
      <t>ヒ</t>
    </rPh>
    <phoneticPr fontId="1"/>
  </si>
  <si>
    <t>系列</t>
    <rPh sb="0" eb="2">
      <t>ケイレツ</t>
    </rPh>
    <phoneticPr fontId="6"/>
  </si>
  <si>
    <t>単位数</t>
    <rPh sb="0" eb="3">
      <t>タンイスウ</t>
    </rPh>
    <phoneticPr fontId="6"/>
  </si>
  <si>
    <t>必修</t>
    <rPh sb="0" eb="2">
      <t>ヒッシュウ</t>
    </rPh>
    <phoneticPr fontId="6"/>
  </si>
  <si>
    <t>選択</t>
    <rPh sb="0" eb="2">
      <t>センタク</t>
    </rPh>
    <phoneticPr fontId="6"/>
  </si>
  <si>
    <t>計</t>
    <rPh sb="0" eb="1">
      <t>ケイ</t>
    </rPh>
    <phoneticPr fontId="6"/>
  </si>
  <si>
    <t>講義</t>
    <rPh sb="0" eb="2">
      <t>コウギ</t>
    </rPh>
    <phoneticPr fontId="6"/>
  </si>
  <si>
    <t>演習</t>
    <rPh sb="0" eb="2">
      <t>エンシュウ</t>
    </rPh>
    <phoneticPr fontId="6"/>
  </si>
  <si>
    <t>社会福祉</t>
    <rPh sb="0" eb="2">
      <t>シャカイ</t>
    </rPh>
    <rPh sb="2" eb="4">
      <t>フクシ</t>
    </rPh>
    <phoneticPr fontId="6"/>
  </si>
  <si>
    <t>保育原理</t>
    <rPh sb="0" eb="2">
      <t>ホイク</t>
    </rPh>
    <rPh sb="2" eb="4">
      <t>ゲンリ</t>
    </rPh>
    <phoneticPr fontId="6"/>
  </si>
  <si>
    <t>教育原理</t>
    <rPh sb="0" eb="2">
      <t>キョウイク</t>
    </rPh>
    <rPh sb="2" eb="4">
      <t>ゲンリ</t>
    </rPh>
    <phoneticPr fontId="6"/>
  </si>
  <si>
    <t>実習</t>
    <rPh sb="0" eb="2">
      <t>ジッシュウ</t>
    </rPh>
    <phoneticPr fontId="6"/>
  </si>
  <si>
    <t>設置単位数</t>
    <rPh sb="0" eb="2">
      <t>セッチ</t>
    </rPh>
    <rPh sb="2" eb="5">
      <t>タンイスウ</t>
    </rPh>
    <phoneticPr fontId="6"/>
  </si>
  <si>
    <t>卒業に必要な単位数</t>
    <rPh sb="0" eb="2">
      <t>ソツギョウ</t>
    </rPh>
    <rPh sb="3" eb="5">
      <t>ヒツヨウ</t>
    </rPh>
    <rPh sb="6" eb="9">
      <t>タンイスウ</t>
    </rPh>
    <phoneticPr fontId="6"/>
  </si>
  <si>
    <t>告示による教科目</t>
    <rPh sb="0" eb="2">
      <t>コクジ</t>
    </rPh>
    <rPh sb="5" eb="8">
      <t>キョウカモク</t>
    </rPh>
    <phoneticPr fontId="6"/>
  </si>
  <si>
    <t>教科目</t>
    <rPh sb="0" eb="3">
      <t>キョウカモク</t>
    </rPh>
    <phoneticPr fontId="6"/>
  </si>
  <si>
    <t>演習</t>
    <rPh sb="0" eb="2">
      <t>エンシュウ</t>
    </rPh>
    <phoneticPr fontId="8"/>
  </si>
  <si>
    <t>講義</t>
    <rPh sb="0" eb="2">
      <t>コウギ</t>
    </rPh>
    <phoneticPr fontId="8"/>
  </si>
  <si>
    <t>外国語、体育</t>
    <rPh sb="0" eb="3">
      <t>ガイコクゴ</t>
    </rPh>
    <rPh sb="4" eb="6">
      <t>タイイク</t>
    </rPh>
    <phoneticPr fontId="8"/>
  </si>
  <si>
    <t>以外の科目</t>
    <rPh sb="0" eb="2">
      <t>イガイ</t>
    </rPh>
    <rPh sb="3" eb="5">
      <t>カモク</t>
    </rPh>
    <phoneticPr fontId="8"/>
  </si>
  <si>
    <t>不問</t>
    <rPh sb="0" eb="2">
      <t>フモン</t>
    </rPh>
    <phoneticPr fontId="8"/>
  </si>
  <si>
    <t>６以上</t>
    <rPh sb="1" eb="3">
      <t>イジョウ</t>
    </rPh>
    <phoneticPr fontId="8"/>
  </si>
  <si>
    <t>外国語</t>
    <rPh sb="0" eb="3">
      <t>ガイコクゴ</t>
    </rPh>
    <phoneticPr fontId="8"/>
  </si>
  <si>
    <t>２以上</t>
    <rPh sb="1" eb="3">
      <t>イジョウ</t>
    </rPh>
    <phoneticPr fontId="8"/>
  </si>
  <si>
    <t>体　育</t>
    <rPh sb="0" eb="3">
      <t>タイイク</t>
    </rPh>
    <phoneticPr fontId="8"/>
  </si>
  <si>
    <t>実技</t>
    <rPh sb="0" eb="2">
      <t>ジツギ</t>
    </rPh>
    <phoneticPr fontId="8"/>
  </si>
  <si>
    <t>合　　　計</t>
    <rPh sb="0" eb="5">
      <t>ゴウケイ</t>
    </rPh>
    <phoneticPr fontId="8"/>
  </si>
  <si>
    <t>１０単位以上</t>
    <rPh sb="2" eb="4">
      <t>タンイ</t>
    </rPh>
    <rPh sb="4" eb="6">
      <t>イジョウ</t>
    </rPh>
    <phoneticPr fontId="8"/>
  </si>
  <si>
    <t>（様式３）</t>
    <rPh sb="1" eb="3">
      <t>ヨウシキ</t>
    </rPh>
    <phoneticPr fontId="6"/>
  </si>
  <si>
    <t>保育
実習</t>
    <rPh sb="0" eb="2">
      <t>ホイク</t>
    </rPh>
    <rPh sb="3" eb="5">
      <t>ジッシュウ</t>
    </rPh>
    <phoneticPr fontId="6"/>
  </si>
  <si>
    <t>総合
演習</t>
    <rPh sb="0" eb="2">
      <t>ソウゴウ</t>
    </rPh>
    <rPh sb="3" eb="5">
      <t>エンシュウ</t>
    </rPh>
    <phoneticPr fontId="6"/>
  </si>
  <si>
    <t>合　　　計</t>
    <rPh sb="0" eb="5">
      <t>ゴウケイ</t>
    </rPh>
    <phoneticPr fontId="6"/>
  </si>
  <si>
    <t>（様式４）</t>
    <rPh sb="1" eb="3">
      <t>ヨウシキ</t>
    </rPh>
    <phoneticPr fontId="6"/>
  </si>
  <si>
    <t>（様式５）</t>
    <rPh sb="1" eb="3">
      <t>ヨウシキ</t>
    </rPh>
    <phoneticPr fontId="6"/>
  </si>
  <si>
    <t>教科目の種別</t>
    <rPh sb="0" eb="3">
      <t>キョウカモク</t>
    </rPh>
    <rPh sb="4" eb="6">
      <t>シュベツ</t>
    </rPh>
    <phoneticPr fontId="6"/>
  </si>
  <si>
    <t>教 養 科 目</t>
    <rPh sb="0" eb="3">
      <t>キョウヨウ</t>
    </rPh>
    <rPh sb="4" eb="7">
      <t>カモク</t>
    </rPh>
    <phoneticPr fontId="6"/>
  </si>
  <si>
    <t>１０単位以上</t>
    <rPh sb="2" eb="4">
      <t>タンイ</t>
    </rPh>
    <rPh sb="4" eb="6">
      <t>イジョウ</t>
    </rPh>
    <phoneticPr fontId="6"/>
  </si>
  <si>
    <t>告示別表第１による
教科目</t>
    <rPh sb="0" eb="2">
      <t>コクジ</t>
    </rPh>
    <rPh sb="2" eb="4">
      <t>ベッピョウ</t>
    </rPh>
    <rPh sb="4" eb="5">
      <t>ダイ</t>
    </rPh>
    <rPh sb="10" eb="13">
      <t>キョウカモク</t>
    </rPh>
    <phoneticPr fontId="6"/>
  </si>
  <si>
    <t>保育士資格取得科目ではないが、学校独自
の科目として開設されている教科目</t>
    <rPh sb="0" eb="3">
      <t>ホイクシ</t>
    </rPh>
    <rPh sb="3" eb="5">
      <t>シカク</t>
    </rPh>
    <rPh sb="5" eb="7">
      <t>シュトク</t>
    </rPh>
    <rPh sb="7" eb="9">
      <t>カモク</t>
    </rPh>
    <rPh sb="15" eb="17">
      <t>ガッコウ</t>
    </rPh>
    <rPh sb="17" eb="19">
      <t>ドクジ</t>
    </rPh>
    <rPh sb="21" eb="23">
      <t>カモク</t>
    </rPh>
    <rPh sb="26" eb="28">
      <t>カイセツ</t>
    </rPh>
    <rPh sb="33" eb="36">
      <t>キョウカモク</t>
    </rPh>
    <phoneticPr fontId="6"/>
  </si>
  <si>
    <t xml:space="preserve">
</t>
    <phoneticPr fontId="6"/>
  </si>
  <si>
    <t xml:space="preserve">授業
</t>
    <rPh sb="0" eb="2">
      <t>ジュギョウ</t>
    </rPh>
    <phoneticPr fontId="6"/>
  </si>
  <si>
    <t>形態</t>
  </si>
  <si>
    <t>単 位 数</t>
    <rPh sb="0" eb="1">
      <t>タン</t>
    </rPh>
    <rPh sb="2" eb="3">
      <t>クライ</t>
    </rPh>
    <rPh sb="4" eb="5">
      <t>カズ</t>
    </rPh>
    <phoneticPr fontId="6"/>
  </si>
  <si>
    <t>備　　　　　　　考</t>
    <phoneticPr fontId="8"/>
  </si>
  <si>
    <t>形態</t>
    <phoneticPr fontId="8"/>
  </si>
  <si>
    <t>　　　　　　　　　　　　　　　　↓</t>
    <phoneticPr fontId="8"/>
  </si>
  <si>
    <t>単</t>
    <rPh sb="0" eb="1">
      <t>タン</t>
    </rPh>
    <phoneticPr fontId="8"/>
  </si>
  <si>
    <t>位</t>
    <rPh sb="0" eb="1">
      <t>イ</t>
    </rPh>
    <phoneticPr fontId="8"/>
  </si>
  <si>
    <t>以</t>
    <rPh sb="0" eb="1">
      <t>イ</t>
    </rPh>
    <phoneticPr fontId="8"/>
  </si>
  <si>
    <t>上</t>
    <rPh sb="0" eb="1">
      <t>ウエ</t>
    </rPh>
    <phoneticPr fontId="8"/>
  </si>
  <si>
    <t>各指定保育士養</t>
    <rPh sb="0" eb="1">
      <t>カク</t>
    </rPh>
    <rPh sb="1" eb="3">
      <t>シテイ</t>
    </rPh>
    <rPh sb="3" eb="6">
      <t>ホイクシ</t>
    </rPh>
    <rPh sb="6" eb="7">
      <t>ヨウ</t>
    </rPh>
    <phoneticPr fontId="8"/>
  </si>
  <si>
    <t>　成施設において</t>
    <rPh sb="1" eb="2">
      <t>シゲル</t>
    </rPh>
    <rPh sb="2" eb="4">
      <t>シセツ</t>
    </rPh>
    <phoneticPr fontId="8"/>
  </si>
  <si>
    <t>設定　　　　　</t>
    <rPh sb="0" eb="2">
      <t>セッテイ</t>
    </rPh>
    <phoneticPr fontId="8"/>
  </si>
  <si>
    <t>名　    称（注１）</t>
    <rPh sb="0" eb="1">
      <t>ナ</t>
    </rPh>
    <rPh sb="6" eb="7">
      <t>ショウ</t>
    </rPh>
    <rPh sb="8" eb="9">
      <t>チュウ</t>
    </rPh>
    <phoneticPr fontId="1"/>
  </si>
  <si>
    <t>担　　　当　　　科　　　目</t>
    <rPh sb="0" eb="1">
      <t>タン</t>
    </rPh>
    <rPh sb="4" eb="5">
      <t>トウ</t>
    </rPh>
    <rPh sb="8" eb="9">
      <t>カ</t>
    </rPh>
    <rPh sb="12" eb="13">
      <t>メ</t>
    </rPh>
    <phoneticPr fontId="1"/>
  </si>
  <si>
    <t>教　　　養　　　科　　　目</t>
    <rPh sb="0" eb="1">
      <t>キョウ</t>
    </rPh>
    <rPh sb="4" eb="5">
      <t>オサム</t>
    </rPh>
    <rPh sb="8" eb="9">
      <t>カ</t>
    </rPh>
    <rPh sb="12" eb="13">
      <t>メ</t>
    </rPh>
    <phoneticPr fontId="6"/>
  </si>
  <si>
    <t>保育士資格取得科目ではないが、学校</t>
    <rPh sb="15" eb="17">
      <t>ガッコウ</t>
    </rPh>
    <phoneticPr fontId="8"/>
  </si>
  <si>
    <t>独自の科目として開設されている科目</t>
    <rPh sb="15" eb="17">
      <t>カモク</t>
    </rPh>
    <phoneticPr fontId="8"/>
  </si>
  <si>
    <t>（注１）名称は、指定を受けている学部・学科名等最小単位まで正確に記載すること。</t>
    <rPh sb="1" eb="2">
      <t>チュウ</t>
    </rPh>
    <rPh sb="4" eb="6">
      <t>メイショウ</t>
    </rPh>
    <rPh sb="8" eb="10">
      <t>シテイ</t>
    </rPh>
    <rPh sb="11" eb="12">
      <t>ウ</t>
    </rPh>
    <rPh sb="16" eb="18">
      <t>ガクブ</t>
    </rPh>
    <rPh sb="19" eb="22">
      <t>ガッカメイ</t>
    </rPh>
    <rPh sb="22" eb="23">
      <t>ナド</t>
    </rPh>
    <rPh sb="23" eb="25">
      <t>サイショウ</t>
    </rPh>
    <rPh sb="25" eb="27">
      <t>タンイ</t>
    </rPh>
    <rPh sb="29" eb="31">
      <t>セイカク</t>
    </rPh>
    <rPh sb="32" eb="34">
      <t>キサイ</t>
    </rPh>
    <phoneticPr fontId="1"/>
  </si>
  <si>
    <t>保育実習Ⅰ</t>
    <rPh sb="0" eb="2">
      <t>ホイク</t>
    </rPh>
    <rPh sb="2" eb="4">
      <t>ジッシュウ</t>
    </rPh>
    <phoneticPr fontId="6"/>
  </si>
  <si>
    <t>（　　　　学年）</t>
    <rPh sb="5" eb="7">
      <t>ガクネン</t>
    </rPh>
    <phoneticPr fontId="6"/>
  </si>
  <si>
    <t>４月</t>
    <rPh sb="1" eb="2">
      <t>ガツ</t>
    </rPh>
    <phoneticPr fontId="6"/>
  </si>
  <si>
    <t>６月</t>
    <rPh sb="1" eb="2">
      <t>ガツ</t>
    </rPh>
    <phoneticPr fontId="6"/>
  </si>
  <si>
    <t>５月</t>
    <rPh sb="1" eb="2">
      <t>ガツ</t>
    </rPh>
    <phoneticPr fontId="6"/>
  </si>
  <si>
    <t>７月</t>
    <rPh sb="1" eb="2">
      <t>ガツ</t>
    </rPh>
    <phoneticPr fontId="6"/>
  </si>
  <si>
    <t>８月</t>
    <rPh sb="1" eb="2">
      <t>ガツ</t>
    </rPh>
    <phoneticPr fontId="6"/>
  </si>
  <si>
    <t>９月</t>
    <rPh sb="1" eb="2">
      <t>ガツ</t>
    </rPh>
    <phoneticPr fontId="6"/>
  </si>
  <si>
    <t>１０月</t>
    <rPh sb="2" eb="3">
      <t>ガツ</t>
    </rPh>
    <phoneticPr fontId="6"/>
  </si>
  <si>
    <t>１１月</t>
    <rPh sb="2" eb="3">
      <t>ガツ</t>
    </rPh>
    <phoneticPr fontId="6"/>
  </si>
  <si>
    <t>１２月</t>
    <rPh sb="2" eb="3">
      <t>ガツ</t>
    </rPh>
    <phoneticPr fontId="6"/>
  </si>
  <si>
    <t>１月</t>
    <rPh sb="1" eb="2">
      <t>ガツ</t>
    </rPh>
    <phoneticPr fontId="6"/>
  </si>
  <si>
    <t>２月</t>
    <rPh sb="1" eb="2">
      <t>ガツ</t>
    </rPh>
    <phoneticPr fontId="6"/>
  </si>
  <si>
    <t>３月</t>
    <rPh sb="1" eb="2">
      <t>ガツ</t>
    </rPh>
    <phoneticPr fontId="6"/>
  </si>
  <si>
    <t>時　　　　　間　　　　　割</t>
    <rPh sb="0" eb="1">
      <t>トキ</t>
    </rPh>
    <rPh sb="6" eb="7">
      <t>アイダ</t>
    </rPh>
    <rPh sb="12" eb="13">
      <t>ワリ</t>
    </rPh>
    <phoneticPr fontId="1"/>
  </si>
  <si>
    <t>（　　　　年　　　　期）</t>
    <rPh sb="5" eb="6">
      <t>ネン</t>
    </rPh>
    <rPh sb="10" eb="11">
      <t>キ</t>
    </rPh>
    <phoneticPr fontId="1"/>
  </si>
  <si>
    <t>月曜日</t>
    <rPh sb="0" eb="3">
      <t>ゲツヨウビ</t>
    </rPh>
    <phoneticPr fontId="1"/>
  </si>
  <si>
    <t>火曜日</t>
    <rPh sb="0" eb="3">
      <t>カヨウビ</t>
    </rPh>
    <phoneticPr fontId="1"/>
  </si>
  <si>
    <t>水曜日</t>
    <rPh sb="0" eb="3">
      <t>スイヨウビ</t>
    </rPh>
    <phoneticPr fontId="1"/>
  </si>
  <si>
    <t>木曜日</t>
    <rPh sb="0" eb="3">
      <t>モクヨウビ</t>
    </rPh>
    <phoneticPr fontId="1"/>
  </si>
  <si>
    <t>金曜日</t>
    <rPh sb="0" eb="3">
      <t>キンヨウビ</t>
    </rPh>
    <phoneticPr fontId="1"/>
  </si>
  <si>
    <t>Aクラス</t>
    <phoneticPr fontId="1"/>
  </si>
  <si>
    <t>Bクラス</t>
    <phoneticPr fontId="1"/>
  </si>
  <si>
    <t>１限目</t>
    <rPh sb="1" eb="2">
      <t>ゲン</t>
    </rPh>
    <rPh sb="2" eb="3">
      <t>メ</t>
    </rPh>
    <phoneticPr fontId="1"/>
  </si>
  <si>
    <t>２限目</t>
    <rPh sb="1" eb="2">
      <t>ゲン</t>
    </rPh>
    <rPh sb="2" eb="3">
      <t>メ</t>
    </rPh>
    <phoneticPr fontId="1"/>
  </si>
  <si>
    <t>３限目</t>
    <rPh sb="1" eb="2">
      <t>ゲン</t>
    </rPh>
    <rPh sb="2" eb="3">
      <t>メ</t>
    </rPh>
    <phoneticPr fontId="1"/>
  </si>
  <si>
    <t>４限目</t>
    <rPh sb="1" eb="2">
      <t>ゲン</t>
    </rPh>
    <rPh sb="2" eb="3">
      <t>メ</t>
    </rPh>
    <phoneticPr fontId="1"/>
  </si>
  <si>
    <t>５限目</t>
    <rPh sb="1" eb="2">
      <t>ゲン</t>
    </rPh>
    <rPh sb="2" eb="3">
      <t>メ</t>
    </rPh>
    <phoneticPr fontId="1"/>
  </si>
  <si>
    <t>科目名</t>
    <rPh sb="0" eb="2">
      <t>カモク</t>
    </rPh>
    <rPh sb="2" eb="3">
      <t>メイ</t>
    </rPh>
    <phoneticPr fontId="1"/>
  </si>
  <si>
    <t>教員名</t>
    <rPh sb="0" eb="2">
      <t>キョウイン</t>
    </rPh>
    <rPh sb="2" eb="3">
      <t>メイ</t>
    </rPh>
    <phoneticPr fontId="1"/>
  </si>
  <si>
    <t>教室名</t>
    <rPh sb="0" eb="2">
      <t>キョウシツ</t>
    </rPh>
    <rPh sb="2" eb="3">
      <t>メイ</t>
    </rPh>
    <phoneticPr fontId="1"/>
  </si>
  <si>
    <t>○○：××　　　　～　　　　　　　　　　　　　△△：××</t>
    <phoneticPr fontId="1"/>
  </si>
  <si>
    <t>番　　　　　　　　号</t>
    <rPh sb="0" eb="1">
      <t>バン</t>
    </rPh>
    <rPh sb="9" eb="10">
      <t>ゴウ</t>
    </rPh>
    <phoneticPr fontId="1"/>
  </si>
  <si>
    <t>編入学定員（　　年次）</t>
    <rPh sb="0" eb="3">
      <t>ヘンニュウガク</t>
    </rPh>
    <rPh sb="3" eb="5">
      <t>テイイン</t>
    </rPh>
    <rPh sb="8" eb="10">
      <t>ネンジ</t>
    </rPh>
    <phoneticPr fontId="1"/>
  </si>
  <si>
    <t>入　学　定　員</t>
    <rPh sb="0" eb="1">
      <t>イ</t>
    </rPh>
    <rPh sb="2" eb="3">
      <t>ガク</t>
    </rPh>
    <rPh sb="4" eb="5">
      <t>サダム</t>
    </rPh>
    <rPh sb="6" eb="7">
      <t>イン</t>
    </rPh>
    <phoneticPr fontId="1"/>
  </si>
  <si>
    <t>申　請　者　名　　　　殿</t>
    <rPh sb="0" eb="1">
      <t>サル</t>
    </rPh>
    <rPh sb="2" eb="3">
      <t>ショウ</t>
    </rPh>
    <rPh sb="4" eb="5">
      <t>モノ</t>
    </rPh>
    <rPh sb="6" eb="7">
      <t>メイ</t>
    </rPh>
    <rPh sb="11" eb="12">
      <t>ドノ</t>
    </rPh>
    <phoneticPr fontId="1"/>
  </si>
  <si>
    <t>氏名　　○○　○○　　印</t>
    <rPh sb="0" eb="2">
      <t>シメイ</t>
    </rPh>
    <rPh sb="11" eb="12">
      <t>イン</t>
    </rPh>
    <phoneticPr fontId="1"/>
  </si>
  <si>
    <t>教員調書</t>
    <rPh sb="0" eb="2">
      <t>キョウイン</t>
    </rPh>
    <rPh sb="2" eb="4">
      <t>チョウショ</t>
    </rPh>
    <phoneticPr fontId="1"/>
  </si>
  <si>
    <t>№　　　　　　</t>
    <phoneticPr fontId="1"/>
  </si>
  <si>
    <t>養成施設名</t>
    <rPh sb="0" eb="2">
      <t>ヨウセイ</t>
    </rPh>
    <rPh sb="2" eb="4">
      <t>シセツ</t>
    </rPh>
    <rPh sb="4" eb="5">
      <t>メイ</t>
    </rPh>
    <phoneticPr fontId="1"/>
  </si>
  <si>
    <t>生年月日</t>
    <rPh sb="0" eb="2">
      <t>セイネン</t>
    </rPh>
    <rPh sb="2" eb="4">
      <t>ガッピ</t>
    </rPh>
    <phoneticPr fontId="1"/>
  </si>
  <si>
    <t>担当予定科目</t>
    <rPh sb="0" eb="2">
      <t>タントウ</t>
    </rPh>
    <rPh sb="2" eb="4">
      <t>ヨテイ</t>
    </rPh>
    <rPh sb="4" eb="6">
      <t>カモク</t>
    </rPh>
    <phoneticPr fontId="1"/>
  </si>
  <si>
    <t>指定基準該当番号</t>
    <rPh sb="0" eb="2">
      <t>シテイ</t>
    </rPh>
    <rPh sb="2" eb="4">
      <t>キジュン</t>
    </rPh>
    <rPh sb="4" eb="6">
      <t>ガイトウ</t>
    </rPh>
    <rPh sb="6" eb="8">
      <t>バンゴウ</t>
    </rPh>
    <phoneticPr fontId="1"/>
  </si>
  <si>
    <t>名称</t>
    <rPh sb="0" eb="2">
      <t>メイショウ</t>
    </rPh>
    <phoneticPr fontId="1"/>
  </si>
  <si>
    <t>教員資格要件</t>
    <rPh sb="0" eb="2">
      <t>キョウイン</t>
    </rPh>
    <rPh sb="2" eb="4">
      <t>シカク</t>
    </rPh>
    <rPh sb="4" eb="6">
      <t>ヨウケン</t>
    </rPh>
    <phoneticPr fontId="1"/>
  </si>
  <si>
    <t>学歴</t>
    <rPh sb="0" eb="2">
      <t>ガクレキ</t>
    </rPh>
    <phoneticPr fontId="1"/>
  </si>
  <si>
    <t>教育歴・職歴</t>
    <rPh sb="0" eb="2">
      <t>キョウイク</t>
    </rPh>
    <rPh sb="2" eb="3">
      <t>レキ</t>
    </rPh>
    <rPh sb="4" eb="5">
      <t>ショク</t>
    </rPh>
    <rPh sb="5" eb="6">
      <t>レキ</t>
    </rPh>
    <phoneticPr fontId="1"/>
  </si>
  <si>
    <t>資格・免許・学位</t>
    <rPh sb="0" eb="2">
      <t>シカク</t>
    </rPh>
    <rPh sb="3" eb="5">
      <t>メンキョ</t>
    </rPh>
    <rPh sb="6" eb="8">
      <t>ガクイ</t>
    </rPh>
    <phoneticPr fontId="1"/>
  </si>
  <si>
    <t>年　　　月</t>
    <rPh sb="0" eb="1">
      <t>ネン</t>
    </rPh>
    <rPh sb="4" eb="5">
      <t>ツキ</t>
    </rPh>
    <phoneticPr fontId="1"/>
  </si>
  <si>
    <t>名　　　称</t>
    <rPh sb="0" eb="1">
      <t>メイ</t>
    </rPh>
    <rPh sb="4" eb="5">
      <t>ショウ</t>
    </rPh>
    <phoneticPr fontId="1"/>
  </si>
  <si>
    <t>専兼の別</t>
    <rPh sb="0" eb="1">
      <t>アツム</t>
    </rPh>
    <rPh sb="1" eb="2">
      <t>ケン</t>
    </rPh>
    <rPh sb="3" eb="4">
      <t>ベツ</t>
    </rPh>
    <phoneticPr fontId="1"/>
  </si>
  <si>
    <t>性　　別</t>
    <rPh sb="0" eb="1">
      <t>セイ</t>
    </rPh>
    <rPh sb="3" eb="4">
      <t>ベツ</t>
    </rPh>
    <phoneticPr fontId="1"/>
  </si>
  <si>
    <t>年　　齢</t>
    <rPh sb="0" eb="1">
      <t>トシ</t>
    </rPh>
    <rPh sb="3" eb="4">
      <t>ヨワイ</t>
    </rPh>
    <phoneticPr fontId="1"/>
  </si>
  <si>
    <t>教育内容又は業務内容</t>
    <rPh sb="0" eb="2">
      <t>キョウイク</t>
    </rPh>
    <rPh sb="2" eb="4">
      <t>ナイヨウ</t>
    </rPh>
    <rPh sb="4" eb="5">
      <t>マタ</t>
    </rPh>
    <rPh sb="6" eb="8">
      <t>ギョウム</t>
    </rPh>
    <rPh sb="8" eb="10">
      <t>ナイヨウ</t>
    </rPh>
    <phoneticPr fontId="1"/>
  </si>
  <si>
    <t>取得機関</t>
    <rPh sb="0" eb="2">
      <t>シュトク</t>
    </rPh>
    <rPh sb="2" eb="4">
      <t>キカン</t>
    </rPh>
    <phoneticPr fontId="1"/>
  </si>
  <si>
    <t>男　・　女</t>
    <rPh sb="0" eb="1">
      <t>オトコ</t>
    </rPh>
    <rPh sb="4" eb="5">
      <t>オンナ</t>
    </rPh>
    <phoneticPr fontId="1"/>
  </si>
  <si>
    <t>歳</t>
    <rPh sb="0" eb="1">
      <t>サイ</t>
    </rPh>
    <phoneticPr fontId="1"/>
  </si>
  <si>
    <t>専任・兼任</t>
    <rPh sb="0" eb="2">
      <t>センニン</t>
    </rPh>
    <rPh sb="3" eb="4">
      <t>ケン</t>
    </rPh>
    <rPh sb="4" eb="5">
      <t>ニン</t>
    </rPh>
    <phoneticPr fontId="1"/>
  </si>
  <si>
    <t>事項</t>
    <rPh sb="0" eb="2">
      <t>ジコウ</t>
    </rPh>
    <phoneticPr fontId="1"/>
  </si>
  <si>
    <t>年　　月</t>
    <rPh sb="0" eb="1">
      <t>ネン</t>
    </rPh>
    <rPh sb="3" eb="4">
      <t>ツキ</t>
    </rPh>
    <phoneticPr fontId="1"/>
  </si>
  <si>
    <t>取得年月日</t>
    <rPh sb="0" eb="2">
      <t>シュトク</t>
    </rPh>
    <rPh sb="2" eb="5">
      <t>ネンガッピ</t>
    </rPh>
    <phoneticPr fontId="1"/>
  </si>
  <si>
    <t>（注）各教員ごとに作成すること。</t>
    <rPh sb="1" eb="2">
      <t>チュウ</t>
    </rPh>
    <rPh sb="3" eb="4">
      <t>カク</t>
    </rPh>
    <rPh sb="4" eb="6">
      <t>キョウイン</t>
    </rPh>
    <rPh sb="9" eb="11">
      <t>サクセイ</t>
    </rPh>
    <phoneticPr fontId="1"/>
  </si>
  <si>
    <t>就任承諾書</t>
    <rPh sb="0" eb="2">
      <t>シュウニン</t>
    </rPh>
    <rPh sb="2" eb="5">
      <t>ショウダクショ</t>
    </rPh>
    <phoneticPr fontId="1"/>
  </si>
  <si>
    <t>記</t>
    <rPh sb="0" eb="1">
      <t>キ</t>
    </rPh>
    <phoneticPr fontId="1"/>
  </si>
  <si>
    <t>１．担当科目</t>
    <rPh sb="2" eb="4">
      <t>タントウ</t>
    </rPh>
    <rPh sb="4" eb="6">
      <t>カモク</t>
    </rPh>
    <phoneticPr fontId="1"/>
  </si>
  <si>
    <t>２．就任期日</t>
    <rPh sb="2" eb="4">
      <t>シュウニン</t>
    </rPh>
    <rPh sb="4" eb="6">
      <t>キジツ</t>
    </rPh>
    <phoneticPr fontId="1"/>
  </si>
  <si>
    <t xml:space="preserve">   </t>
    <phoneticPr fontId="6"/>
  </si>
  <si>
    <t xml:space="preserve">
</t>
    <phoneticPr fontId="6"/>
  </si>
  <si>
    <t>備　　　　　　　考</t>
    <phoneticPr fontId="8"/>
  </si>
  <si>
    <t>保育の本質・目
的に関する科目　　　　　　　　　　　　　　　　　　　　　</t>
    <rPh sb="0" eb="2">
      <t>ホイク</t>
    </rPh>
    <rPh sb="3" eb="5">
      <t>ホンシツ</t>
    </rPh>
    <rPh sb="6" eb="7">
      <t>メ</t>
    </rPh>
    <rPh sb="8" eb="9">
      <t>テキ</t>
    </rPh>
    <rPh sb="10" eb="11">
      <t>カン</t>
    </rPh>
    <rPh sb="13" eb="15">
      <t>カモク</t>
    </rPh>
    <phoneticPr fontId="8"/>
  </si>
  <si>
    <t>保育者論</t>
    <rPh sb="0" eb="3">
      <t>ホイクシャ</t>
    </rPh>
    <rPh sb="3" eb="4">
      <t>ロン</t>
    </rPh>
    <phoneticPr fontId="6"/>
  </si>
  <si>
    <t>保育の対象の理
解に関する科目</t>
    <rPh sb="0" eb="2">
      <t>ホイク</t>
    </rPh>
    <rPh sb="3" eb="5">
      <t>タイショウ</t>
    </rPh>
    <rPh sb="6" eb="7">
      <t>リ</t>
    </rPh>
    <rPh sb="8" eb="9">
      <t>カイ</t>
    </rPh>
    <rPh sb="10" eb="11">
      <t>カン</t>
    </rPh>
    <rPh sb="13" eb="15">
      <t>カモク</t>
    </rPh>
    <phoneticPr fontId="6"/>
  </si>
  <si>
    <t>子どもの食と栄養</t>
    <rPh sb="0" eb="1">
      <t>コ</t>
    </rPh>
    <rPh sb="4" eb="5">
      <t>ショク</t>
    </rPh>
    <rPh sb="6" eb="8">
      <t>エイヨウ</t>
    </rPh>
    <phoneticPr fontId="6"/>
  </si>
  <si>
    <t>保育の内容・方
法に関する科目</t>
    <rPh sb="0" eb="2">
      <t>ホイク</t>
    </rPh>
    <rPh sb="3" eb="5">
      <t>ナイヨウ</t>
    </rPh>
    <rPh sb="6" eb="7">
      <t>カタ</t>
    </rPh>
    <rPh sb="8" eb="9">
      <t>ホウ</t>
    </rPh>
    <rPh sb="10" eb="15">
      <t>カンスルカモク</t>
    </rPh>
    <phoneticPr fontId="6"/>
  </si>
  <si>
    <t>保育内容総論</t>
    <rPh sb="0" eb="2">
      <t>ホイク</t>
    </rPh>
    <rPh sb="2" eb="4">
      <t>ナイヨウ</t>
    </rPh>
    <rPh sb="4" eb="6">
      <t>ソウロン</t>
    </rPh>
    <phoneticPr fontId="8"/>
  </si>
  <si>
    <t>保育内容演習</t>
    <rPh sb="0" eb="2">
      <t>ホイク</t>
    </rPh>
    <rPh sb="2" eb="4">
      <t>ナイヨウ</t>
    </rPh>
    <rPh sb="4" eb="6">
      <t>エンシュウ</t>
    </rPh>
    <phoneticPr fontId="8"/>
  </si>
  <si>
    <t>保育実習指導Ⅰ</t>
    <rPh sb="0" eb="2">
      <t>ホイク</t>
    </rPh>
    <rPh sb="2" eb="4">
      <t>ジッシュウ</t>
    </rPh>
    <rPh sb="4" eb="6">
      <t>シドウ</t>
    </rPh>
    <phoneticPr fontId="8"/>
  </si>
  <si>
    <t>保育実践演習</t>
    <rPh sb="0" eb="2">
      <t>ホイク</t>
    </rPh>
    <rPh sb="2" eb="4">
      <t>ジッセン</t>
    </rPh>
    <rPh sb="4" eb="6">
      <t>エンシュウ</t>
    </rPh>
    <phoneticPr fontId="6"/>
  </si>
  <si>
    <t>５1単位</t>
    <rPh sb="2" eb="4">
      <t>タンイ</t>
    </rPh>
    <phoneticPr fontId="6"/>
  </si>
  <si>
    <t>保育の本質・目
的に関する科目</t>
    <rPh sb="0" eb="2">
      <t>ホイク</t>
    </rPh>
    <rPh sb="3" eb="5">
      <t>ホンシツ</t>
    </rPh>
    <rPh sb="6" eb="7">
      <t>メ</t>
    </rPh>
    <rPh sb="8" eb="9">
      <t>テキ</t>
    </rPh>
    <rPh sb="10" eb="11">
      <t>カン</t>
    </rPh>
    <rPh sb="13" eb="15">
      <t>カモク</t>
    </rPh>
    <phoneticPr fontId="6"/>
  </si>
  <si>
    <t>１８単位以上</t>
    <rPh sb="2" eb="4">
      <t>タンイ</t>
    </rPh>
    <rPh sb="4" eb="6">
      <t>イジョウ</t>
    </rPh>
    <phoneticPr fontId="6"/>
  </si>
  <si>
    <t>５１単位以上</t>
    <rPh sb="2" eb="6">
      <t>タンイイジョウ</t>
    </rPh>
    <phoneticPr fontId="6"/>
  </si>
  <si>
    <t>１８単位以上</t>
    <rPh sb="2" eb="6">
      <t>タンイイジョウ</t>
    </rPh>
    <phoneticPr fontId="6"/>
  </si>
  <si>
    <t>保育実習Ⅱ又は保育実習Ⅲ</t>
    <rPh sb="0" eb="2">
      <t>ホイク</t>
    </rPh>
    <rPh sb="2" eb="4">
      <t>ジッシュウ</t>
    </rPh>
    <rPh sb="5" eb="6">
      <t>マタ</t>
    </rPh>
    <rPh sb="7" eb="9">
      <t>ホイク</t>
    </rPh>
    <rPh sb="9" eb="11">
      <t>ジッシュウ</t>
    </rPh>
    <phoneticPr fontId="6"/>
  </si>
  <si>
    <t>保育実習指導Ⅱ又は保育実習指導Ⅲ</t>
    <rPh sb="0" eb="2">
      <t>ホイク</t>
    </rPh>
    <rPh sb="2" eb="4">
      <t>ジッシュウ</t>
    </rPh>
    <rPh sb="4" eb="6">
      <t>シドウ</t>
    </rPh>
    <rPh sb="7" eb="8">
      <t>マタ</t>
    </rPh>
    <rPh sb="9" eb="11">
      <t>ホイク</t>
    </rPh>
    <rPh sb="11" eb="13">
      <t>ジッシュウ</t>
    </rPh>
    <rPh sb="13" eb="15">
      <t>シドウ</t>
    </rPh>
    <phoneticPr fontId="8"/>
  </si>
  <si>
    <t>神奈川県知事　　　殿</t>
    <rPh sb="0" eb="3">
      <t>カナガワ</t>
    </rPh>
    <rPh sb="3" eb="6">
      <t>ケンチジ</t>
    </rPh>
    <rPh sb="9" eb="10">
      <t>ドノ</t>
    </rPh>
    <phoneticPr fontId="1"/>
  </si>
  <si>
    <t>令和　　年　　月　　日</t>
    <rPh sb="0" eb="2">
      <t>レイワ</t>
    </rPh>
    <rPh sb="4" eb="5">
      <t>ネン</t>
    </rPh>
    <rPh sb="7" eb="8">
      <t>ガツ</t>
    </rPh>
    <rPh sb="10" eb="11">
      <t>ニチ</t>
    </rPh>
    <phoneticPr fontId="1"/>
  </si>
  <si>
    <t>子ども家庭福祉</t>
    <rPh sb="0" eb="1">
      <t>コ</t>
    </rPh>
    <rPh sb="3" eb="5">
      <t>カテイ</t>
    </rPh>
    <rPh sb="5" eb="7">
      <t>フクシ</t>
    </rPh>
    <phoneticPr fontId="6"/>
  </si>
  <si>
    <t>子ども家庭支援論</t>
    <rPh sb="0" eb="1">
      <t>コ</t>
    </rPh>
    <rPh sb="3" eb="5">
      <t>カテイ</t>
    </rPh>
    <rPh sb="5" eb="7">
      <t>シエン</t>
    </rPh>
    <rPh sb="7" eb="8">
      <t>ロン</t>
    </rPh>
    <phoneticPr fontId="6"/>
  </si>
  <si>
    <t>保育の心理学</t>
    <rPh sb="0" eb="2">
      <t>ホイク</t>
    </rPh>
    <rPh sb="3" eb="6">
      <t>シンリガク</t>
    </rPh>
    <phoneticPr fontId="6"/>
  </si>
  <si>
    <t>子どもの理解と援助</t>
    <rPh sb="0" eb="1">
      <t>コ</t>
    </rPh>
    <rPh sb="4" eb="6">
      <t>リカイ</t>
    </rPh>
    <rPh sb="7" eb="9">
      <t>エンジョ</t>
    </rPh>
    <phoneticPr fontId="6"/>
  </si>
  <si>
    <t>子どもの保健</t>
    <rPh sb="0" eb="1">
      <t>コ</t>
    </rPh>
    <rPh sb="4" eb="6">
      <t>ホケン</t>
    </rPh>
    <phoneticPr fontId="8"/>
  </si>
  <si>
    <t>保育の計画と評価</t>
    <rPh sb="0" eb="2">
      <t>ホイク</t>
    </rPh>
    <rPh sb="3" eb="5">
      <t>ケイカク</t>
    </rPh>
    <rPh sb="6" eb="8">
      <t>ヒョウカ</t>
    </rPh>
    <phoneticPr fontId="6"/>
  </si>
  <si>
    <t>保育内容の理解と方法</t>
    <rPh sb="0" eb="2">
      <t>ホイク</t>
    </rPh>
    <rPh sb="2" eb="4">
      <t>ナイヨウ</t>
    </rPh>
    <rPh sb="5" eb="7">
      <t>リカイ</t>
    </rPh>
    <rPh sb="8" eb="10">
      <t>ホウホウ</t>
    </rPh>
    <phoneticPr fontId="6"/>
  </si>
  <si>
    <t>乳児保育Ⅰ</t>
    <rPh sb="0" eb="2">
      <t>ニュウジ</t>
    </rPh>
    <rPh sb="2" eb="4">
      <t>ホイク</t>
    </rPh>
    <phoneticPr fontId="8"/>
  </si>
  <si>
    <t>乳児保育Ⅱ</t>
    <rPh sb="0" eb="2">
      <t>ニュウジ</t>
    </rPh>
    <rPh sb="2" eb="4">
      <t>ホイク</t>
    </rPh>
    <phoneticPr fontId="8"/>
  </si>
  <si>
    <t>子どもの健康と安全</t>
    <rPh sb="0" eb="1">
      <t>コ</t>
    </rPh>
    <rPh sb="4" eb="6">
      <t>ケンコウ</t>
    </rPh>
    <rPh sb="7" eb="9">
      <t>アンゼン</t>
    </rPh>
    <phoneticPr fontId="8"/>
  </si>
  <si>
    <t>障害児保育</t>
    <rPh sb="0" eb="2">
      <t>ショウガイ</t>
    </rPh>
    <rPh sb="2" eb="3">
      <t>ジ</t>
    </rPh>
    <rPh sb="3" eb="5">
      <t>ホイク</t>
    </rPh>
    <phoneticPr fontId="8"/>
  </si>
  <si>
    <t>社会的養護Ⅱ</t>
    <rPh sb="0" eb="2">
      <t>シャカイ</t>
    </rPh>
    <rPh sb="2" eb="3">
      <t>テキ</t>
    </rPh>
    <rPh sb="3" eb="5">
      <t>ヨウゴ</t>
    </rPh>
    <phoneticPr fontId="8"/>
  </si>
  <si>
    <t>子育て支援</t>
    <rPh sb="0" eb="2">
      <t>コソダ</t>
    </rPh>
    <rPh sb="3" eb="5">
      <t>シエン</t>
    </rPh>
    <phoneticPr fontId="8"/>
  </si>
  <si>
    <t>所　在　地</t>
    <rPh sb="0" eb="1">
      <t>ショ</t>
    </rPh>
    <rPh sb="2" eb="3">
      <t>ザイ</t>
    </rPh>
    <rPh sb="4" eb="5">
      <t>チ</t>
    </rPh>
    <phoneticPr fontId="1"/>
  </si>
  <si>
    <t>専任教員</t>
    <rPh sb="0" eb="2">
      <t>センニン</t>
    </rPh>
    <rPh sb="2" eb="4">
      <t>キョウイン</t>
    </rPh>
    <phoneticPr fontId="1"/>
  </si>
  <si>
    <t>その他教員（兼任含む）</t>
    <rPh sb="2" eb="3">
      <t>タ</t>
    </rPh>
    <rPh sb="3" eb="5">
      <t>キョウイン</t>
    </rPh>
    <rPh sb="6" eb="8">
      <t>ケンニン</t>
    </rPh>
    <rPh sb="8" eb="9">
      <t>フク</t>
    </rPh>
    <phoneticPr fontId="1"/>
  </si>
  <si>
    <t xml:space="preserve">
左に対応して開設されている
教科目
</t>
    <rPh sb="1" eb="2">
      <t>ヒダリ</t>
    </rPh>
    <rPh sb="3" eb="5">
      <t>タイオウ</t>
    </rPh>
    <rPh sb="7" eb="9">
      <t>カイセツ</t>
    </rPh>
    <rPh sb="15" eb="17">
      <t>キョウカ</t>
    </rPh>
    <rPh sb="17" eb="18">
      <t>モク</t>
    </rPh>
    <phoneticPr fontId="6"/>
  </si>
  <si>
    <r>
      <t xml:space="preserve">　  </t>
    </r>
    <r>
      <rPr>
        <sz val="10"/>
        <rFont val="HGSｺﾞｼｯｸM"/>
        <family val="3"/>
        <charset val="128"/>
      </rPr>
      <t>単位（≧10単位）</t>
    </r>
    <r>
      <rPr>
        <sz val="12"/>
        <rFont val="ＭＳ 明朝"/>
        <family val="1"/>
        <charset val="128"/>
      </rPr>
      <t/>
    </r>
    <rPh sb="3" eb="5">
      <t>タンイ</t>
    </rPh>
    <rPh sb="9" eb="11">
      <t>タンイ</t>
    </rPh>
    <phoneticPr fontId="8"/>
  </si>
  <si>
    <t>　　　　　　　　　「保育原理」と「保育者論」の単位数欄にそれぞれ「２／４」と記入</t>
    <rPh sb="10" eb="12">
      <t>ホイク</t>
    </rPh>
    <rPh sb="12" eb="14">
      <t>ゲンリ</t>
    </rPh>
    <rPh sb="17" eb="20">
      <t>ホイクシャ</t>
    </rPh>
    <rPh sb="20" eb="21">
      <t>ロン</t>
    </rPh>
    <rPh sb="23" eb="26">
      <t>タンイスウ</t>
    </rPh>
    <rPh sb="26" eb="27">
      <t>ラン</t>
    </rPh>
    <rPh sb="38" eb="40">
      <t>キニュウ</t>
    </rPh>
    <phoneticPr fontId="8"/>
  </si>
  <si>
    <t>（変更内容の概要等）</t>
    <rPh sb="1" eb="3">
      <t>ヘンコウ</t>
    </rPh>
    <rPh sb="3" eb="5">
      <t>ナイヨウ</t>
    </rPh>
    <rPh sb="6" eb="8">
      <t>ガイヨウ</t>
    </rPh>
    <rPh sb="8" eb="9">
      <t>トウ</t>
    </rPh>
    <phoneticPr fontId="8"/>
  </si>
  <si>
    <t>社会的養護Ⅰ</t>
    <rPh sb="0" eb="2">
      <t>シャカイ</t>
    </rPh>
    <rPh sb="2" eb="3">
      <t>テキ</t>
    </rPh>
    <rPh sb="3" eb="5">
      <t>ヨウゴ</t>
    </rPh>
    <phoneticPr fontId="6"/>
  </si>
  <si>
    <t>子ども家庭支援の心理学</t>
    <rPh sb="0" eb="1">
      <t>コ</t>
    </rPh>
    <rPh sb="3" eb="5">
      <t>カテイ</t>
    </rPh>
    <rPh sb="5" eb="7">
      <t>シエン</t>
    </rPh>
    <rPh sb="8" eb="11">
      <t>シンリガク</t>
    </rPh>
    <phoneticPr fontId="6"/>
  </si>
  <si>
    <r>
      <t>　　</t>
    </r>
    <r>
      <rPr>
        <u/>
        <sz val="10"/>
        <rFont val="HGSｺﾞｼｯｸM"/>
        <family val="3"/>
        <charset val="128"/>
      </rPr>
      <t>　　　</t>
    </r>
    <r>
      <rPr>
        <sz val="10"/>
        <rFont val="HGSｺﾞｼｯｸM"/>
        <family val="3"/>
        <charset val="128"/>
      </rPr>
      <t>単位（≧５１単位）</t>
    </r>
    <r>
      <rPr>
        <sz val="12"/>
        <rFont val="ＭＳ 明朝"/>
        <family val="1"/>
        <charset val="128"/>
      </rPr>
      <t/>
    </r>
    <rPh sb="5" eb="7">
      <t>タンイ</t>
    </rPh>
    <rPh sb="11" eb="13">
      <t>タンイ</t>
    </rPh>
    <phoneticPr fontId="6"/>
  </si>
  <si>
    <r>
      <t>　　</t>
    </r>
    <r>
      <rPr>
        <u/>
        <sz val="10"/>
        <rFont val="HGSｺﾞｼｯｸM"/>
        <family val="3"/>
        <charset val="128"/>
      </rPr>
      <t>　　　</t>
    </r>
    <r>
      <rPr>
        <sz val="10"/>
        <rFont val="HGSｺﾞｼｯｸM"/>
        <family val="3"/>
        <charset val="128"/>
      </rPr>
      <t>単位（≧１８単位）</t>
    </r>
    <r>
      <rPr>
        <sz val="12"/>
        <rFont val="ＭＳ 明朝"/>
        <family val="1"/>
        <charset val="128"/>
      </rPr>
      <t/>
    </r>
    <rPh sb="5" eb="7">
      <t>タンイ</t>
    </rPh>
    <rPh sb="11" eb="13">
      <t>タンイ</t>
    </rPh>
    <phoneticPr fontId="6"/>
  </si>
  <si>
    <t>単位数（旧）</t>
    <rPh sb="0" eb="3">
      <t>タンイスウ</t>
    </rPh>
    <rPh sb="4" eb="5">
      <t>キュウ</t>
    </rPh>
    <phoneticPr fontId="6"/>
  </si>
  <si>
    <t>単位数（新）</t>
    <rPh sb="0" eb="3">
      <t>タンイスウ</t>
    </rPh>
    <rPh sb="4" eb="5">
      <t>シン</t>
    </rPh>
    <phoneticPr fontId="6"/>
  </si>
  <si>
    <t>（変更内容の概要等）</t>
    <rPh sb="1" eb="3">
      <t>ヘンコウ</t>
    </rPh>
    <rPh sb="3" eb="5">
      <t>ナイヨウ</t>
    </rPh>
    <rPh sb="6" eb="8">
      <t>ガイヨウ</t>
    </rPh>
    <rPh sb="8" eb="9">
      <t>トウ</t>
    </rPh>
    <phoneticPr fontId="6"/>
  </si>
  <si>
    <t>学 則 変 更 内 容 調 書</t>
    <rPh sb="0" eb="1">
      <t>ガク</t>
    </rPh>
    <rPh sb="2" eb="3">
      <t>ノリ</t>
    </rPh>
    <rPh sb="4" eb="5">
      <t>ヘン</t>
    </rPh>
    <rPh sb="6" eb="7">
      <t>サラ</t>
    </rPh>
    <rPh sb="8" eb="9">
      <t>ナイ</t>
    </rPh>
    <rPh sb="10" eb="11">
      <t>カタチ</t>
    </rPh>
    <rPh sb="12" eb="13">
      <t>チョウ</t>
    </rPh>
    <rPh sb="14" eb="15">
      <t>ショ</t>
    </rPh>
    <phoneticPr fontId="6"/>
  </si>
  <si>
    <r>
      <t>　　　　　　　　　　　　　　　　　　　　　　　　　　　　　　　</t>
    </r>
    <r>
      <rPr>
        <u/>
        <sz val="10"/>
        <rFont val="ＭＳ Ｐ明朝"/>
        <family val="1"/>
        <charset val="128"/>
      </rPr>
      <t>　学則変更内容　　　　　　　　　について＊</t>
    </r>
    <rPh sb="32" eb="33">
      <t>ガク</t>
    </rPh>
    <rPh sb="33" eb="34">
      <t>ノリ</t>
    </rPh>
    <rPh sb="34" eb="36">
      <t>ヘンコウ</t>
    </rPh>
    <rPh sb="36" eb="38">
      <t>ナイヨウ</t>
    </rPh>
    <phoneticPr fontId="6"/>
  </si>
  <si>
    <t>　　　　　　　　　　　　　　＊該当するものを下記①～④から選んでください</t>
    <rPh sb="15" eb="17">
      <t>ガイトウ</t>
    </rPh>
    <rPh sb="22" eb="24">
      <t>カキ</t>
    </rPh>
    <rPh sb="29" eb="30">
      <t>エラ</t>
    </rPh>
    <phoneticPr fontId="6"/>
  </si>
  <si>
    <t>　　　　　　　　　　　　　　　　　　 ①修業教科目、②単位数、③履修方法、④学生の定員</t>
    <rPh sb="20" eb="22">
      <t>シュウギョウ</t>
    </rPh>
    <rPh sb="22" eb="24">
      <t>キョウカ</t>
    </rPh>
    <rPh sb="24" eb="25">
      <t>モク</t>
    </rPh>
    <rPh sb="27" eb="30">
      <t>タンイスウ</t>
    </rPh>
    <rPh sb="32" eb="34">
      <t>リシュウ</t>
    </rPh>
    <rPh sb="34" eb="36">
      <t>ホウホウ</t>
    </rPh>
    <rPh sb="38" eb="40">
      <t>ガクセイ</t>
    </rPh>
    <rPh sb="41" eb="43">
      <t>テイイン</t>
    </rPh>
    <phoneticPr fontId="6"/>
  </si>
  <si>
    <t>今回、行う学則変更の内容の概要</t>
    <rPh sb="0" eb="2">
      <t>コンカイ</t>
    </rPh>
    <rPh sb="3" eb="4">
      <t>オコナ</t>
    </rPh>
    <rPh sb="5" eb="7">
      <t>ガクソク</t>
    </rPh>
    <rPh sb="7" eb="9">
      <t>ヘンコウ</t>
    </rPh>
    <rPh sb="10" eb="12">
      <t>ナイヨウ</t>
    </rPh>
    <rPh sb="13" eb="15">
      <t>ガイヨウ</t>
    </rPh>
    <phoneticPr fontId="6"/>
  </si>
  <si>
    <t>学則変更を行う理由</t>
    <rPh sb="0" eb="2">
      <t>ガクソク</t>
    </rPh>
    <rPh sb="2" eb="4">
      <t>ヘンコウ</t>
    </rPh>
    <rPh sb="5" eb="6">
      <t>オコナ</t>
    </rPh>
    <rPh sb="7" eb="9">
      <t>リユウ</t>
    </rPh>
    <phoneticPr fontId="6"/>
  </si>
  <si>
    <t>※変更内容について具体的に記載してください。</t>
    <rPh sb="1" eb="3">
      <t>ヘンコウ</t>
    </rPh>
    <rPh sb="3" eb="5">
      <t>ナイヨウ</t>
    </rPh>
    <rPh sb="9" eb="12">
      <t>グタイテキ</t>
    </rPh>
    <rPh sb="13" eb="15">
      <t>キサイ</t>
    </rPh>
    <phoneticPr fontId="1"/>
  </si>
  <si>
    <t>（各科目について具体的に記載してください。）</t>
    <rPh sb="1" eb="4">
      <t>カクカモク</t>
    </rPh>
    <rPh sb="8" eb="11">
      <t>グタイテキ</t>
    </rPh>
    <rPh sb="12" eb="14">
      <t>キサイ</t>
    </rPh>
    <phoneticPr fontId="6"/>
  </si>
  <si>
    <t>実　習　施　設　一　覧</t>
    <rPh sb="0" eb="1">
      <t>ジツ</t>
    </rPh>
    <rPh sb="2" eb="3">
      <t>シュウ</t>
    </rPh>
    <rPh sb="4" eb="5">
      <t>シ</t>
    </rPh>
    <rPh sb="6" eb="7">
      <t>セツ</t>
    </rPh>
    <rPh sb="8" eb="9">
      <t>イチ</t>
    </rPh>
    <rPh sb="10" eb="11">
      <t>ラン</t>
    </rPh>
    <phoneticPr fontId="1"/>
  </si>
  <si>
    <t>整理
番号</t>
    <rPh sb="0" eb="2">
      <t>セイリ</t>
    </rPh>
    <rPh sb="3" eb="5">
      <t>バンゴウ</t>
    </rPh>
    <phoneticPr fontId="1"/>
  </si>
  <si>
    <t>法令に定める施設種別</t>
    <rPh sb="0" eb="2">
      <t>ホウレイ</t>
    </rPh>
    <rPh sb="3" eb="4">
      <t>サダ</t>
    </rPh>
    <rPh sb="6" eb="8">
      <t>シセツ</t>
    </rPh>
    <rPh sb="8" eb="10">
      <t>シュベツ</t>
    </rPh>
    <phoneticPr fontId="1"/>
  </si>
  <si>
    <t>施設名</t>
    <rPh sb="0" eb="2">
      <t>シセツ</t>
    </rPh>
    <rPh sb="2" eb="3">
      <t>メイ</t>
    </rPh>
    <phoneticPr fontId="1"/>
  </si>
  <si>
    <t>所在地</t>
    <rPh sb="0" eb="3">
      <t>ショザイチ</t>
    </rPh>
    <phoneticPr fontId="1"/>
  </si>
  <si>
    <t>設置年月日</t>
    <rPh sb="0" eb="2">
      <t>セッチ</t>
    </rPh>
    <rPh sb="2" eb="5">
      <t>ネンガッピ</t>
    </rPh>
    <phoneticPr fontId="1"/>
  </si>
  <si>
    <t>入所定員</t>
    <rPh sb="0" eb="2">
      <t>ニュウショ</t>
    </rPh>
    <rPh sb="2" eb="4">
      <t>テイイン</t>
    </rPh>
    <phoneticPr fontId="1"/>
  </si>
  <si>
    <t>実習人員</t>
    <rPh sb="0" eb="2">
      <t>ジッシュウ</t>
    </rPh>
    <rPh sb="2" eb="4">
      <t>ジンイン</t>
    </rPh>
    <phoneticPr fontId="1"/>
  </si>
  <si>
    <t>備考</t>
    <rPh sb="0" eb="2">
      <t>ビコウ</t>
    </rPh>
    <phoneticPr fontId="1"/>
  </si>
  <si>
    <t>合計</t>
    <rPh sb="0" eb="2">
      <t>ゴウケイ</t>
    </rPh>
    <phoneticPr fontId="1"/>
  </si>
  <si>
    <t>○○か所</t>
    <rPh sb="3" eb="4">
      <t>ショ</t>
    </rPh>
    <phoneticPr fontId="1"/>
  </si>
  <si>
    <t>○○人</t>
    <rPh sb="2" eb="3">
      <t>ヒト</t>
    </rPh>
    <phoneticPr fontId="1"/>
  </si>
  <si>
    <t>整理番号　　○　　</t>
    <rPh sb="0" eb="2">
      <t>セイリ</t>
    </rPh>
    <rPh sb="2" eb="4">
      <t>バンゴウ</t>
    </rPh>
    <phoneticPr fontId="6"/>
  </si>
  <si>
    <t>実　習　施　設　承　諾　書</t>
    <rPh sb="0" eb="1">
      <t>ジツ</t>
    </rPh>
    <rPh sb="2" eb="3">
      <t>ナライ</t>
    </rPh>
    <rPh sb="4" eb="5">
      <t>シ</t>
    </rPh>
    <rPh sb="6" eb="7">
      <t>セツ</t>
    </rPh>
    <rPh sb="8" eb="9">
      <t>ウケタマワ</t>
    </rPh>
    <rPh sb="10" eb="11">
      <t>ダク</t>
    </rPh>
    <rPh sb="12" eb="13">
      <t>ショ</t>
    </rPh>
    <phoneticPr fontId="6"/>
  </si>
  <si>
    <r>
      <t>　　</t>
    </r>
    <r>
      <rPr>
        <u/>
        <sz val="12"/>
        <rFont val="ＭＳ 明朝"/>
        <family val="1"/>
        <charset val="128"/>
      </rPr>
      <t>　　申　請　者　名　　　　殿</t>
    </r>
    <rPh sb="4" eb="5">
      <t>サル</t>
    </rPh>
    <rPh sb="6" eb="7">
      <t>ショウ</t>
    </rPh>
    <rPh sb="8" eb="9">
      <t>シャ</t>
    </rPh>
    <rPh sb="10" eb="11">
      <t>メイ</t>
    </rPh>
    <rPh sb="15" eb="16">
      <t>ドノ</t>
    </rPh>
    <phoneticPr fontId="6"/>
  </si>
  <si>
    <t>記</t>
    <rPh sb="0" eb="1">
      <t>キ</t>
    </rPh>
    <phoneticPr fontId="6"/>
  </si>
  <si>
    <t>１　施設種別　　　　　　　</t>
    <rPh sb="2" eb="4">
      <t>シセツ</t>
    </rPh>
    <rPh sb="4" eb="6">
      <t>シュベツ</t>
    </rPh>
    <phoneticPr fontId="6"/>
  </si>
  <si>
    <t>２　施設名　　　　　　　　</t>
    <rPh sb="2" eb="4">
      <t>シセツ</t>
    </rPh>
    <rPh sb="4" eb="5">
      <t>メイ</t>
    </rPh>
    <phoneticPr fontId="6"/>
  </si>
  <si>
    <t>令和　　年　　月　　日</t>
    <rPh sb="0" eb="2">
      <t>レイワ</t>
    </rPh>
    <rPh sb="4" eb="5">
      <t>ネン</t>
    </rPh>
    <rPh sb="7" eb="8">
      <t>ガツ</t>
    </rPh>
    <rPh sb="10" eb="11">
      <t>ニチ</t>
    </rPh>
    <phoneticPr fontId="6"/>
  </si>
  <si>
    <t>　　　　　　　　　　　　　　　設置者（法人）</t>
    <rPh sb="15" eb="17">
      <t>セッチ</t>
    </rPh>
    <rPh sb="17" eb="18">
      <t>シャ</t>
    </rPh>
    <rPh sb="19" eb="21">
      <t>ホウジン</t>
    </rPh>
    <phoneticPr fontId="6"/>
  </si>
  <si>
    <t>　　　　　　　　　　　　　　　所　　在　　地　</t>
    <rPh sb="15" eb="16">
      <t>ショ</t>
    </rPh>
    <rPh sb="18" eb="19">
      <t>ザイ</t>
    </rPh>
    <rPh sb="21" eb="22">
      <t>チ</t>
    </rPh>
    <phoneticPr fontId="6"/>
  </si>
  <si>
    <t>　　　　　　　　　　　　　　　代　表　者　名</t>
    <rPh sb="15" eb="16">
      <t>ヨ</t>
    </rPh>
    <rPh sb="17" eb="18">
      <t>ヒョウ</t>
    </rPh>
    <rPh sb="19" eb="20">
      <t>モノ</t>
    </rPh>
    <rPh sb="21" eb="22">
      <t>メイ</t>
    </rPh>
    <phoneticPr fontId="6"/>
  </si>
  <si>
    <t>３　施設所在地</t>
    <rPh sb="2" eb="4">
      <t>シセツ</t>
    </rPh>
    <rPh sb="4" eb="7">
      <t>ショザイチ</t>
    </rPh>
    <phoneticPr fontId="6"/>
  </si>
  <si>
    <t>４　定　員　　　　　　　　</t>
    <rPh sb="2" eb="3">
      <t>サダム</t>
    </rPh>
    <rPh sb="4" eb="5">
      <t>イン</t>
    </rPh>
    <phoneticPr fontId="6"/>
  </si>
  <si>
    <t>５　実習生の受入開始時期　　</t>
    <rPh sb="2" eb="5">
      <t>ジッシュウセイ</t>
    </rPh>
    <rPh sb="6" eb="7">
      <t>ウ</t>
    </rPh>
    <rPh sb="7" eb="8">
      <t>イ</t>
    </rPh>
    <rPh sb="8" eb="10">
      <t>カイシ</t>
    </rPh>
    <rPh sb="10" eb="12">
      <t>ジキ</t>
    </rPh>
    <phoneticPr fontId="6"/>
  </si>
  <si>
    <t>６　実習受入可能時期　　　　</t>
    <rPh sb="2" eb="4">
      <t>ジッシュウ</t>
    </rPh>
    <rPh sb="4" eb="5">
      <t>ウ</t>
    </rPh>
    <rPh sb="5" eb="6">
      <t>イ</t>
    </rPh>
    <rPh sb="6" eb="8">
      <t>カノウ</t>
    </rPh>
    <rPh sb="8" eb="10">
      <t>ジキ</t>
    </rPh>
    <phoneticPr fontId="6"/>
  </si>
  <si>
    <t>７　実習指導者の人数　　　　</t>
    <rPh sb="2" eb="4">
      <t>ジッシュウ</t>
    </rPh>
    <rPh sb="4" eb="6">
      <t>シドウ</t>
    </rPh>
    <rPh sb="6" eb="7">
      <t>シャ</t>
    </rPh>
    <rPh sb="8" eb="10">
      <t>ニンズウ</t>
    </rPh>
    <phoneticPr fontId="6"/>
  </si>
  <si>
    <t>８　実習受入人数　　　　　　</t>
    <rPh sb="2" eb="4">
      <t>ジッシュウ</t>
    </rPh>
    <rPh sb="4" eb="5">
      <t>ウ</t>
    </rPh>
    <rPh sb="5" eb="6">
      <t>イ</t>
    </rPh>
    <rPh sb="6" eb="8">
      <t>ニンズウ</t>
    </rPh>
    <phoneticPr fontId="6"/>
  </si>
  <si>
    <t>施設長就任承諾書</t>
    <rPh sb="0" eb="2">
      <t>シセツ</t>
    </rPh>
    <rPh sb="2" eb="3">
      <t>チョウ</t>
    </rPh>
    <rPh sb="3" eb="5">
      <t>シュウニン</t>
    </rPh>
    <rPh sb="5" eb="8">
      <t>ショウダクショ</t>
    </rPh>
    <phoneticPr fontId="1"/>
  </si>
  <si>
    <t>履歴書</t>
    <rPh sb="0" eb="3">
      <t>リレキショ</t>
    </rPh>
    <phoneticPr fontId="1"/>
  </si>
  <si>
    <t>№　　　　　　</t>
    <phoneticPr fontId="1"/>
  </si>
  <si>
    <t>昭和・平成　　年　　月　　日生　満　　歳</t>
    <rPh sb="0" eb="2">
      <t>ショウワ</t>
    </rPh>
    <rPh sb="3" eb="5">
      <t>ヘイセイ</t>
    </rPh>
    <rPh sb="7" eb="8">
      <t>ネン</t>
    </rPh>
    <rPh sb="10" eb="11">
      <t>ガツ</t>
    </rPh>
    <rPh sb="13" eb="14">
      <t>ニチ</t>
    </rPh>
    <rPh sb="14" eb="15">
      <t>セイ</t>
    </rPh>
    <rPh sb="16" eb="17">
      <t>マン</t>
    </rPh>
    <rPh sb="19" eb="20">
      <t>サイ</t>
    </rPh>
    <phoneticPr fontId="1"/>
  </si>
  <si>
    <t>(様式２)</t>
    <rPh sb="1" eb="3">
      <t>ヨウシキ</t>
    </rPh>
    <phoneticPr fontId="1"/>
  </si>
  <si>
    <t>（様式６）</t>
    <rPh sb="1" eb="3">
      <t>ヨウシキ</t>
    </rPh>
    <phoneticPr fontId="6"/>
  </si>
  <si>
    <t>（様式８）</t>
    <rPh sb="1" eb="3">
      <t>ヨウシキ</t>
    </rPh>
    <phoneticPr fontId="6"/>
  </si>
  <si>
    <t>(様式９）</t>
    <rPh sb="1" eb="3">
      <t>ヨウシキ</t>
    </rPh>
    <phoneticPr fontId="1"/>
  </si>
  <si>
    <t>（様式10）</t>
    <rPh sb="1" eb="3">
      <t>ヨウシキ</t>
    </rPh>
    <phoneticPr fontId="6"/>
  </si>
  <si>
    <t>（様式11）</t>
    <rPh sb="1" eb="3">
      <t>ヨウシキ</t>
    </rPh>
    <phoneticPr fontId="6"/>
  </si>
  <si>
    <t>　私は、○○大学○○学部○○学科が指定保育士養成施設として学則変更の承認を受けた際は、当該指定保育士養成施設の施設長に就任することを承諾します。</t>
    <rPh sb="1" eb="2">
      <t>ワタシ</t>
    </rPh>
    <rPh sb="6" eb="8">
      <t>ダイガク</t>
    </rPh>
    <rPh sb="10" eb="12">
      <t>ガクブ</t>
    </rPh>
    <rPh sb="14" eb="16">
      <t>ガッカ</t>
    </rPh>
    <rPh sb="17" eb="19">
      <t>シテイ</t>
    </rPh>
    <rPh sb="19" eb="22">
      <t>ホイクシ</t>
    </rPh>
    <rPh sb="22" eb="24">
      <t>ヨウセイ</t>
    </rPh>
    <rPh sb="24" eb="26">
      <t>シセツ</t>
    </rPh>
    <rPh sb="29" eb="31">
      <t>ガクソク</t>
    </rPh>
    <rPh sb="31" eb="33">
      <t>ヘンコウ</t>
    </rPh>
    <rPh sb="34" eb="36">
      <t>ショウニン</t>
    </rPh>
    <rPh sb="37" eb="38">
      <t>ウ</t>
    </rPh>
    <rPh sb="40" eb="41">
      <t>サイ</t>
    </rPh>
    <rPh sb="43" eb="45">
      <t>トウガイ</t>
    </rPh>
    <rPh sb="45" eb="47">
      <t>シテイ</t>
    </rPh>
    <rPh sb="47" eb="50">
      <t>ホイクシ</t>
    </rPh>
    <rPh sb="50" eb="52">
      <t>ヨウセイ</t>
    </rPh>
    <rPh sb="52" eb="54">
      <t>シセツ</t>
    </rPh>
    <rPh sb="55" eb="57">
      <t>シセツ</t>
    </rPh>
    <rPh sb="57" eb="58">
      <t>チョウ</t>
    </rPh>
    <rPh sb="59" eb="61">
      <t>シュウニン</t>
    </rPh>
    <rPh sb="66" eb="68">
      <t>ショウダク</t>
    </rPh>
    <phoneticPr fontId="1"/>
  </si>
  <si>
    <t>申　　請　　者</t>
    <rPh sb="0" eb="1">
      <t>サル</t>
    </rPh>
    <rPh sb="3" eb="4">
      <t>ショウ</t>
    </rPh>
    <rPh sb="6" eb="7">
      <t>モノ</t>
    </rPh>
    <phoneticPr fontId="1"/>
  </si>
  <si>
    <t>就任期日</t>
    <rPh sb="0" eb="4">
      <t>シュウニンキジツ</t>
    </rPh>
    <phoneticPr fontId="1"/>
  </si>
  <si>
    <t>　　</t>
    <phoneticPr fontId="1"/>
  </si>
  <si>
    <t>「修業年限及び定員」：</t>
  </si>
  <si>
    <t>・項目全てを記入する。（変更前は（　）内に記入）</t>
    <rPh sb="12" eb="14">
      <t>ヘンコウ</t>
    </rPh>
    <rPh sb="14" eb="15">
      <t>マエ</t>
    </rPh>
    <rPh sb="19" eb="20">
      <t>ナイ</t>
    </rPh>
    <rPh sb="21" eb="23">
      <t>キニュウ</t>
    </rPh>
    <phoneticPr fontId="1"/>
  </si>
  <si>
    <t>・修業年限は、昼間部・昼夜開講制は２年以上、夜間部・昼間定時制部・通信教育部は３年以上</t>
  </si>
  <si>
    <t>授 業 概 要（半期の場合の様式例）</t>
    <rPh sb="0" eb="1">
      <t>ジュ</t>
    </rPh>
    <rPh sb="2" eb="3">
      <t>ギョウ</t>
    </rPh>
    <rPh sb="4" eb="5">
      <t>オオムネ</t>
    </rPh>
    <rPh sb="6" eb="7">
      <t>ヨウ</t>
    </rPh>
    <rPh sb="8" eb="10">
      <t>ハンキ</t>
    </rPh>
    <rPh sb="11" eb="13">
      <t>バアイ</t>
    </rPh>
    <rPh sb="14" eb="16">
      <t>ヨウシキ</t>
    </rPh>
    <rPh sb="16" eb="17">
      <t>レイ</t>
    </rPh>
    <phoneticPr fontId="6"/>
  </si>
  <si>
    <t>授業のタイトル（科目名）</t>
    <rPh sb="0" eb="2">
      <t>ジュギョウ</t>
    </rPh>
    <rPh sb="8" eb="10">
      <t>カモク</t>
    </rPh>
    <rPh sb="10" eb="11">
      <t>メイ</t>
    </rPh>
    <phoneticPr fontId="1"/>
  </si>
  <si>
    <t>授業の種類</t>
    <rPh sb="0" eb="2">
      <t>ジュギョウ</t>
    </rPh>
    <rPh sb="3" eb="5">
      <t>シュルイ</t>
    </rPh>
    <phoneticPr fontId="1"/>
  </si>
  <si>
    <t>授業担当者</t>
    <rPh sb="0" eb="2">
      <t>ジュギョウ</t>
    </rPh>
    <rPh sb="2" eb="5">
      <t>タントウシャ</t>
    </rPh>
    <phoneticPr fontId="1"/>
  </si>
  <si>
    <t>（告示等による教科目名）</t>
    <rPh sb="1" eb="3">
      <t>コクジ</t>
    </rPh>
    <rPh sb="3" eb="4">
      <t>トウ</t>
    </rPh>
    <rPh sb="7" eb="9">
      <t>キョウカ</t>
    </rPh>
    <rPh sb="9" eb="10">
      <t>モク</t>
    </rPh>
    <rPh sb="10" eb="11">
      <t>メイ</t>
    </rPh>
    <phoneticPr fontId="1"/>
  </si>
  <si>
    <t>（　　　　　　　　　　　　　　）</t>
    <phoneticPr fontId="1"/>
  </si>
  <si>
    <t>（講義・演習・実習）</t>
    <rPh sb="1" eb="3">
      <t>コウギ</t>
    </rPh>
    <rPh sb="4" eb="6">
      <t>エンシュウ</t>
    </rPh>
    <rPh sb="7" eb="9">
      <t>ジッシュウ</t>
    </rPh>
    <phoneticPr fontId="1"/>
  </si>
  <si>
    <t>授業の回数</t>
    <rPh sb="0" eb="2">
      <t>ジュギョウ</t>
    </rPh>
    <rPh sb="3" eb="5">
      <t>カイスウ</t>
    </rPh>
    <phoneticPr fontId="1"/>
  </si>
  <si>
    <t>時間数（単位数）</t>
    <rPh sb="0" eb="3">
      <t>ジカンスウ</t>
    </rPh>
    <rPh sb="4" eb="7">
      <t>タンイスウ</t>
    </rPh>
    <phoneticPr fontId="1"/>
  </si>
  <si>
    <t>配当学年・時期</t>
    <rPh sb="0" eb="2">
      <t>ハイトウ</t>
    </rPh>
    <rPh sb="2" eb="4">
      <t>ガクネン</t>
    </rPh>
    <rPh sb="5" eb="7">
      <t>ジキ</t>
    </rPh>
    <phoneticPr fontId="1"/>
  </si>
  <si>
    <t>必修・選択</t>
    <rPh sb="0" eb="2">
      <t>ヒッシュウ</t>
    </rPh>
    <rPh sb="3" eb="5">
      <t>センタク</t>
    </rPh>
    <phoneticPr fontId="1"/>
  </si>
  <si>
    <t>[授業の目的・ねらい]</t>
    <rPh sb="1" eb="3">
      <t>ジュギョウ</t>
    </rPh>
    <rPh sb="4" eb="6">
      <t>モクテキ</t>
    </rPh>
    <phoneticPr fontId="1"/>
  </si>
  <si>
    <t>[授業全体の内容の概要]</t>
    <rPh sb="1" eb="3">
      <t>ジュギョウ</t>
    </rPh>
    <rPh sb="3" eb="5">
      <t>ゼンタイ</t>
    </rPh>
    <rPh sb="6" eb="8">
      <t>ナイヨウ</t>
    </rPh>
    <rPh sb="9" eb="11">
      <t>ガイヨウ</t>
    </rPh>
    <phoneticPr fontId="1"/>
  </si>
  <si>
    <t>[授業修了時の達成課題（到達目標）]</t>
    <rPh sb="1" eb="3">
      <t>ジュギョウ</t>
    </rPh>
    <rPh sb="3" eb="5">
      <t>シュウリョウ</t>
    </rPh>
    <rPh sb="5" eb="6">
      <t>ジ</t>
    </rPh>
    <rPh sb="7" eb="9">
      <t>タッセイ</t>
    </rPh>
    <rPh sb="9" eb="11">
      <t>カダイ</t>
    </rPh>
    <rPh sb="12" eb="14">
      <t>トウタツ</t>
    </rPh>
    <rPh sb="14" eb="16">
      <t>モクヒョウ</t>
    </rPh>
    <phoneticPr fontId="1"/>
  </si>
  <si>
    <t>[授業の日程と各回のテーマ・内容・授業方法]</t>
    <rPh sb="1" eb="3">
      <t>ジュギョウ</t>
    </rPh>
    <rPh sb="4" eb="6">
      <t>ニッテイ</t>
    </rPh>
    <rPh sb="7" eb="9">
      <t>カクカイ</t>
    </rPh>
    <rPh sb="14" eb="16">
      <t>ナイヨウ</t>
    </rPh>
    <rPh sb="17" eb="19">
      <t>ジュギョウ</t>
    </rPh>
    <rPh sb="19" eb="21">
      <t>ホウホウ</t>
    </rPh>
    <phoneticPr fontId="1"/>
  </si>
  <si>
    <t>コマ数</t>
    <rPh sb="2" eb="3">
      <t>スウ</t>
    </rPh>
    <phoneticPr fontId="1"/>
  </si>
  <si>
    <t>１</t>
    <phoneticPr fontId="1"/>
  </si>
  <si>
    <t>２</t>
  </si>
  <si>
    <t>３</t>
  </si>
  <si>
    <t>４</t>
  </si>
  <si>
    <t>５</t>
  </si>
  <si>
    <t>６</t>
  </si>
  <si>
    <t>７</t>
  </si>
  <si>
    <t>８</t>
  </si>
  <si>
    <t>９</t>
  </si>
  <si>
    <t>１０</t>
  </si>
  <si>
    <t>１１</t>
  </si>
  <si>
    <t>１２</t>
  </si>
  <si>
    <t>１３</t>
  </si>
  <si>
    <t>１４</t>
  </si>
  <si>
    <t>１５</t>
  </si>
  <si>
    <t>[使用テキスト・参考文献]</t>
    <rPh sb="1" eb="3">
      <t>シヨウ</t>
    </rPh>
    <rPh sb="8" eb="10">
      <t>サンコウ</t>
    </rPh>
    <rPh sb="10" eb="12">
      <t>ブンケン</t>
    </rPh>
    <phoneticPr fontId="1"/>
  </si>
  <si>
    <t>[単位認定の方法及び基準]</t>
    <rPh sb="1" eb="3">
      <t>タンイ</t>
    </rPh>
    <rPh sb="3" eb="5">
      <t>ニンテイ</t>
    </rPh>
    <rPh sb="6" eb="8">
      <t>ホウホウ</t>
    </rPh>
    <rPh sb="8" eb="9">
      <t>オヨ</t>
    </rPh>
    <rPh sb="10" eb="12">
      <t>キジュン</t>
    </rPh>
    <phoneticPr fontId="1"/>
  </si>
  <si>
    <t>（試験やレポートの評価基準など）</t>
    <rPh sb="1" eb="3">
      <t>シケン</t>
    </rPh>
    <rPh sb="9" eb="11">
      <t>ヒョウカ</t>
    </rPh>
    <rPh sb="11" eb="13">
      <t>キジュン</t>
    </rPh>
    <phoneticPr fontId="1"/>
  </si>
  <si>
    <t xml:space="preserve"> 上記変更内容の</t>
  </si>
  <si>
    <t xml:space="preserve"> 妥当性の判断</t>
  </si>
  <si>
    <t>　（次世代育成課で記入）</t>
    <rPh sb="2" eb="5">
      <t>ジセダイ</t>
    </rPh>
    <rPh sb="5" eb="7">
      <t>イクセイ</t>
    </rPh>
    <rPh sb="7" eb="8">
      <t>カ</t>
    </rPh>
    <rPh sb="9" eb="11">
      <t>キニュウ</t>
    </rPh>
    <phoneticPr fontId="6"/>
  </si>
  <si>
    <t>計　　　　　　　㎡</t>
    <rPh sb="0" eb="1">
      <t>ケイ</t>
    </rPh>
    <phoneticPr fontId="1"/>
  </si>
  <si>
    <t>建物延面積</t>
    <rPh sb="0" eb="2">
      <t>タテモノ</t>
    </rPh>
    <rPh sb="2" eb="3">
      <t>ノ</t>
    </rPh>
    <rPh sb="3" eb="5">
      <t>メンセキ</t>
    </rPh>
    <phoneticPr fontId="1"/>
  </si>
  <si>
    <t>図面対応番号</t>
    <rPh sb="0" eb="2">
      <t>ズメン</t>
    </rPh>
    <rPh sb="2" eb="4">
      <t>タイオウ</t>
    </rPh>
    <rPh sb="4" eb="6">
      <t>バンゴウ</t>
    </rPh>
    <phoneticPr fontId="1"/>
  </si>
  <si>
    <t>面　　　積</t>
    <rPh sb="0" eb="1">
      <t>メン</t>
    </rPh>
    <rPh sb="4" eb="5">
      <t>セキ</t>
    </rPh>
    <phoneticPr fontId="1"/>
  </si>
  <si>
    <t>名　　　称</t>
    <rPh sb="0" eb="1">
      <t>ナ</t>
    </rPh>
    <rPh sb="4" eb="5">
      <t>ショウ</t>
    </rPh>
    <phoneticPr fontId="1"/>
  </si>
  <si>
    <t>　　　教室をまとめて記載しても差し支えない。</t>
    <rPh sb="3" eb="5">
      <t>キョウシツ</t>
    </rPh>
    <rPh sb="10" eb="12">
      <t>キサイ</t>
    </rPh>
    <rPh sb="15" eb="16">
      <t>サ</t>
    </rPh>
    <rPh sb="17" eb="18">
      <t>ツカ</t>
    </rPh>
    <phoneticPr fontId="1"/>
  </si>
  <si>
    <t>（注）各室ごとに備品を記載すること。ただし、研究室やピアノ練習室等設置備品が同様の場合には、</t>
    <rPh sb="1" eb="2">
      <t>チュウ</t>
    </rPh>
    <rPh sb="3" eb="5">
      <t>カクシツ</t>
    </rPh>
    <rPh sb="8" eb="10">
      <t>ビヒン</t>
    </rPh>
    <rPh sb="11" eb="13">
      <t>キサイ</t>
    </rPh>
    <rPh sb="22" eb="25">
      <t>ケンキュウシツ</t>
    </rPh>
    <rPh sb="29" eb="32">
      <t>レンシュウシツ</t>
    </rPh>
    <rPh sb="32" eb="33">
      <t>ナド</t>
    </rPh>
    <rPh sb="33" eb="35">
      <t>セッチ</t>
    </rPh>
    <rPh sb="35" eb="37">
      <t>ビヒン</t>
    </rPh>
    <rPh sb="38" eb="40">
      <t>ドウヨウ</t>
    </rPh>
    <rPh sb="41" eb="43">
      <t>バアイ</t>
    </rPh>
    <phoneticPr fontId="1"/>
  </si>
  <si>
    <t>数　量</t>
    <rPh sb="0" eb="1">
      <t>カズ</t>
    </rPh>
    <rPh sb="2" eb="3">
      <t>リョウ</t>
    </rPh>
    <phoneticPr fontId="1"/>
  </si>
  <si>
    <t>備　　　　　　　　　　　　　品</t>
    <rPh sb="0" eb="1">
      <t>ソナエ</t>
    </rPh>
    <rPh sb="14" eb="15">
      <t>シナ</t>
    </rPh>
    <phoneticPr fontId="1"/>
  </si>
  <si>
    <t>備　　　品　　　一　　　覧</t>
    <rPh sb="0" eb="1">
      <t>ソナエ</t>
    </rPh>
    <rPh sb="4" eb="5">
      <t>シナ</t>
    </rPh>
    <rPh sb="8" eb="9">
      <t>イチ</t>
    </rPh>
    <rPh sb="12" eb="13">
      <t>ラン</t>
    </rPh>
    <phoneticPr fontId="1"/>
  </si>
  <si>
    <t>(様式14）</t>
    <rPh sb="1" eb="3">
      <t>ヨウシキ</t>
    </rPh>
    <phoneticPr fontId="1"/>
  </si>
  <si>
    <t>巡回指導計画表</t>
    <rPh sb="0" eb="2">
      <t>ジュンカイ</t>
    </rPh>
    <rPh sb="2" eb="4">
      <t>シドウ</t>
    </rPh>
    <rPh sb="4" eb="6">
      <t>ケイカク</t>
    </rPh>
    <rPh sb="6" eb="7">
      <t>ヒョウ</t>
    </rPh>
    <phoneticPr fontId="1"/>
  </si>
  <si>
    <t>〇年次　〇段階　　〇月〇日～〇月〇日（〇週間〇日間）</t>
    <rPh sb="1" eb="3">
      <t>ネンジ</t>
    </rPh>
    <rPh sb="5" eb="7">
      <t>ダンカイ</t>
    </rPh>
    <rPh sb="10" eb="11">
      <t>ガツ</t>
    </rPh>
    <rPh sb="12" eb="13">
      <t>ニチ</t>
    </rPh>
    <rPh sb="15" eb="16">
      <t>ガツ</t>
    </rPh>
    <rPh sb="17" eb="18">
      <t>ニチ</t>
    </rPh>
    <rPh sb="20" eb="22">
      <t>シュウカン</t>
    </rPh>
    <rPh sb="23" eb="24">
      <t>ニチ</t>
    </rPh>
    <rPh sb="24" eb="25">
      <t>カン</t>
    </rPh>
    <phoneticPr fontId="1"/>
  </si>
  <si>
    <t>実習施設名</t>
    <rPh sb="0" eb="2">
      <t>ジッシュウ</t>
    </rPh>
    <rPh sb="2" eb="4">
      <t>シセツ</t>
    </rPh>
    <rPh sb="4" eb="5">
      <t>メイ</t>
    </rPh>
    <phoneticPr fontId="1"/>
  </si>
  <si>
    <t>人数</t>
    <rPh sb="0" eb="2">
      <t>ニンズウ</t>
    </rPh>
    <phoneticPr fontId="1"/>
  </si>
  <si>
    <t>〇月〇日（月）</t>
    <rPh sb="1" eb="2">
      <t>ガツ</t>
    </rPh>
    <rPh sb="3" eb="4">
      <t>ニチ</t>
    </rPh>
    <rPh sb="5" eb="6">
      <t>ツキ</t>
    </rPh>
    <phoneticPr fontId="1"/>
  </si>
  <si>
    <t>〇月〇日（火）</t>
    <rPh sb="1" eb="2">
      <t>ガツ</t>
    </rPh>
    <rPh sb="3" eb="4">
      <t>ニチ</t>
    </rPh>
    <rPh sb="5" eb="6">
      <t>ヒ</t>
    </rPh>
    <phoneticPr fontId="1"/>
  </si>
  <si>
    <t>〇月〇日（水）</t>
    <rPh sb="1" eb="2">
      <t>ガツ</t>
    </rPh>
    <rPh sb="3" eb="4">
      <t>ニチ</t>
    </rPh>
    <rPh sb="5" eb="6">
      <t>ミズ</t>
    </rPh>
    <phoneticPr fontId="1"/>
  </si>
  <si>
    <t>〇月〇日（木）</t>
    <rPh sb="1" eb="2">
      <t>ガツ</t>
    </rPh>
    <rPh sb="3" eb="4">
      <t>ニチ</t>
    </rPh>
    <rPh sb="5" eb="6">
      <t>モク</t>
    </rPh>
    <phoneticPr fontId="1"/>
  </si>
  <si>
    <t>〇月〇日（金）</t>
    <rPh sb="1" eb="2">
      <t>ガツ</t>
    </rPh>
    <rPh sb="3" eb="4">
      <t>ニチ</t>
    </rPh>
    <rPh sb="5" eb="6">
      <t>キン</t>
    </rPh>
    <phoneticPr fontId="1"/>
  </si>
  <si>
    <t>〇月〇日（土）</t>
    <rPh sb="1" eb="2">
      <t>ガツ</t>
    </rPh>
    <rPh sb="3" eb="4">
      <t>ニチ</t>
    </rPh>
    <rPh sb="5" eb="6">
      <t>ド</t>
    </rPh>
    <phoneticPr fontId="1"/>
  </si>
  <si>
    <t>〇月〇日（日）</t>
    <rPh sb="1" eb="2">
      <t>ガツ</t>
    </rPh>
    <rPh sb="3" eb="4">
      <t>ニチ</t>
    </rPh>
    <rPh sb="5" eb="6">
      <t>ニチ</t>
    </rPh>
    <phoneticPr fontId="1"/>
  </si>
  <si>
    <t>科目名</t>
    <rPh sb="0" eb="2">
      <t>カモク</t>
    </rPh>
    <rPh sb="2" eb="3">
      <t>メイ</t>
    </rPh>
    <phoneticPr fontId="6"/>
  </si>
  <si>
    <t>年間
ｺﾏ数
合計</t>
    <rPh sb="0" eb="2">
      <t>ネンカン</t>
    </rPh>
    <rPh sb="5" eb="6">
      <t>スウ</t>
    </rPh>
    <rPh sb="7" eb="9">
      <t>ゴウケイ</t>
    </rPh>
    <phoneticPr fontId="6"/>
  </si>
  <si>
    <t>外国語（演習）</t>
    <phoneticPr fontId="6"/>
  </si>
  <si>
    <t>体育（講義）</t>
    <phoneticPr fontId="6"/>
  </si>
  <si>
    <t>体育（実技）</t>
    <phoneticPr fontId="6"/>
  </si>
  <si>
    <t>その他</t>
    <phoneticPr fontId="6"/>
  </si>
  <si>
    <t>保育原理（講義）</t>
    <phoneticPr fontId="6"/>
  </si>
  <si>
    <t>教育原理（講義）</t>
    <phoneticPr fontId="6"/>
  </si>
  <si>
    <t>子ども家庭福祉（講義）</t>
    <phoneticPr fontId="6"/>
  </si>
  <si>
    <t>社会福祉（講義）</t>
    <phoneticPr fontId="6"/>
  </si>
  <si>
    <t>子ども家庭支援論（講義）</t>
    <phoneticPr fontId="6"/>
  </si>
  <si>
    <t>社会的養護Ⅰ（講義）</t>
    <phoneticPr fontId="6"/>
  </si>
  <si>
    <t>保育者論（講義）</t>
    <phoneticPr fontId="6"/>
  </si>
  <si>
    <t>保育の心理学（講義）</t>
    <phoneticPr fontId="6"/>
  </si>
  <si>
    <t>子ども家庭支援の心理学（講義）</t>
    <phoneticPr fontId="6"/>
  </si>
  <si>
    <t>子どもの理解と援助（演習）</t>
    <phoneticPr fontId="6"/>
  </si>
  <si>
    <t>子どもの保健（講義）</t>
    <phoneticPr fontId="6"/>
  </si>
  <si>
    <t>子どもの食と栄養（演習）</t>
    <phoneticPr fontId="6"/>
  </si>
  <si>
    <t>保育の計画と評価（講義）</t>
    <phoneticPr fontId="6"/>
  </si>
  <si>
    <t>保育内容総論（演習）</t>
    <phoneticPr fontId="6"/>
  </si>
  <si>
    <t>保育内容演習（演習）</t>
    <phoneticPr fontId="6"/>
  </si>
  <si>
    <t>保育内容の理解と方法（演習）</t>
    <phoneticPr fontId="6"/>
  </si>
  <si>
    <t>乳児保育Ⅰ（講義）</t>
    <phoneticPr fontId="6"/>
  </si>
  <si>
    <t>乳児保育Ⅱ（演習）</t>
    <phoneticPr fontId="6"/>
  </si>
  <si>
    <t>子どもの健康と安全（演習）</t>
    <phoneticPr fontId="6"/>
  </si>
  <si>
    <t>障害児保育（演習）</t>
    <phoneticPr fontId="6"/>
  </si>
  <si>
    <t>社会的養護Ⅱ（演習）</t>
    <phoneticPr fontId="6"/>
  </si>
  <si>
    <t>子育て支援（演習）</t>
    <phoneticPr fontId="6"/>
  </si>
  <si>
    <t>保育実習Ⅰ（実習）</t>
    <phoneticPr fontId="6"/>
  </si>
  <si>
    <t>保育実習指導Ⅰ（演習）</t>
    <phoneticPr fontId="6"/>
  </si>
  <si>
    <t>保育実践演習（演習）</t>
    <phoneticPr fontId="6"/>
  </si>
  <si>
    <t>保育に関する科目</t>
    <phoneticPr fontId="6"/>
  </si>
  <si>
    <t>保育実習Ⅱ又は
保育実習Ⅲ（実習）</t>
    <phoneticPr fontId="6"/>
  </si>
  <si>
    <t>保育実習指導Ⅱ又は
保育実習指導Ⅲ（演習）</t>
    <phoneticPr fontId="6"/>
  </si>
  <si>
    <t>※科目名は、学則に基づく教科目名を１科目ごとに記載すること。</t>
    <rPh sb="1" eb="3">
      <t>カモク</t>
    </rPh>
    <rPh sb="3" eb="4">
      <t>メイ</t>
    </rPh>
    <rPh sb="6" eb="8">
      <t>ガクソク</t>
    </rPh>
    <rPh sb="9" eb="10">
      <t>モト</t>
    </rPh>
    <rPh sb="12" eb="13">
      <t>キョウ</t>
    </rPh>
    <rPh sb="13" eb="15">
      <t>カモク</t>
    </rPh>
    <rPh sb="15" eb="16">
      <t>メイ</t>
    </rPh>
    <rPh sb="18" eb="20">
      <t>カモク</t>
    </rPh>
    <rPh sb="23" eb="25">
      <t>キサイ</t>
    </rPh>
    <phoneticPr fontId="6"/>
  </si>
  <si>
    <t>夏季休暇</t>
    <phoneticPr fontId="6"/>
  </si>
  <si>
    <t>冬期休暇</t>
    <rPh sb="0" eb="2">
      <t>トウキ</t>
    </rPh>
    <rPh sb="2" eb="4">
      <t>キュウカ</t>
    </rPh>
    <phoneticPr fontId="6"/>
  </si>
  <si>
    <t>春休み</t>
    <rPh sb="0" eb="2">
      <t>ハルヤス</t>
    </rPh>
    <phoneticPr fontId="6"/>
  </si>
  <si>
    <t>※枠内には、各週ごとにコマ数の合計を記入すること。</t>
    <rPh sb="1" eb="3">
      <t>ワクナイ</t>
    </rPh>
    <rPh sb="6" eb="8">
      <t>カクシュウ</t>
    </rPh>
    <rPh sb="13" eb="14">
      <t>スウ</t>
    </rPh>
    <rPh sb="15" eb="17">
      <t>ゴウケイ</t>
    </rPh>
    <rPh sb="18" eb="20">
      <t>キニュウ</t>
    </rPh>
    <phoneticPr fontId="6"/>
  </si>
  <si>
    <t>教科目名称の読み替え表</t>
    <rPh sb="0" eb="3">
      <t>キョウカモク</t>
    </rPh>
    <rPh sb="3" eb="5">
      <t>メイショウ</t>
    </rPh>
    <rPh sb="6" eb="9">
      <t>ヨミカ</t>
    </rPh>
    <rPh sb="10" eb="11">
      <t>ヒョウ</t>
    </rPh>
    <phoneticPr fontId="6"/>
  </si>
  <si>
    <t>確認事項</t>
    <phoneticPr fontId="1"/>
  </si>
  <si>
    <t>(様式７）</t>
    <phoneticPr fontId="6"/>
  </si>
  <si>
    <t>当該養成施設の概要</t>
    <rPh sb="0" eb="2">
      <t>トウガイ</t>
    </rPh>
    <rPh sb="2" eb="4">
      <t>ヨウセイ</t>
    </rPh>
    <rPh sb="4" eb="6">
      <t>シセツ</t>
    </rPh>
    <rPh sb="7" eb="9">
      <t>ガイヨウ</t>
    </rPh>
    <phoneticPr fontId="6"/>
  </si>
  <si>
    <t>旧</t>
    <rPh sb="0" eb="1">
      <t>キュウ</t>
    </rPh>
    <phoneticPr fontId="6"/>
  </si>
  <si>
    <t>新</t>
    <rPh sb="0" eb="1">
      <t>シン</t>
    </rPh>
    <phoneticPr fontId="6"/>
  </si>
  <si>
    <t>備　　考</t>
    <rPh sb="0" eb="1">
      <t>ソナエ</t>
    </rPh>
    <rPh sb="3" eb="4">
      <t>コウ</t>
    </rPh>
    <phoneticPr fontId="6"/>
  </si>
  <si>
    <t>入学定員
（学生定員）</t>
    <rPh sb="0" eb="2">
      <t>ニュウガク</t>
    </rPh>
    <rPh sb="2" eb="4">
      <t>テイイン</t>
    </rPh>
    <rPh sb="6" eb="8">
      <t>ガクセイ</t>
    </rPh>
    <rPh sb="8" eb="10">
      <t>テイイン</t>
    </rPh>
    <phoneticPr fontId="6"/>
  </si>
  <si>
    <t>人</t>
    <rPh sb="0" eb="1">
      <t>ニン</t>
    </rPh>
    <phoneticPr fontId="6"/>
  </si>
  <si>
    <t>修業年限</t>
    <rPh sb="0" eb="2">
      <t>シュウギョウ</t>
    </rPh>
    <rPh sb="2" eb="4">
      <t>ネンゲン</t>
    </rPh>
    <phoneticPr fontId="6"/>
  </si>
  <si>
    <t>年</t>
    <rPh sb="0" eb="1">
      <t>ネン</t>
    </rPh>
    <phoneticPr fontId="6"/>
  </si>
  <si>
    <t>　標記について、児童福祉法施行令第５条第３項の規定に基づき、関係書類を添えて提出します。</t>
    <rPh sb="1" eb="3">
      <t>ヒョウキ</t>
    </rPh>
    <rPh sb="8" eb="10">
      <t>ジドウ</t>
    </rPh>
    <rPh sb="10" eb="12">
      <t>フクシ</t>
    </rPh>
    <rPh sb="12" eb="13">
      <t>ホウ</t>
    </rPh>
    <rPh sb="13" eb="15">
      <t>セコウ</t>
    </rPh>
    <rPh sb="15" eb="16">
      <t>レイ</t>
    </rPh>
    <rPh sb="16" eb="17">
      <t>ダイ</t>
    </rPh>
    <rPh sb="18" eb="19">
      <t>ジョウ</t>
    </rPh>
    <rPh sb="19" eb="20">
      <t>ダイ</t>
    </rPh>
    <rPh sb="21" eb="22">
      <t>コウ</t>
    </rPh>
    <rPh sb="23" eb="25">
      <t>キテイ</t>
    </rPh>
    <rPh sb="26" eb="27">
      <t>モト</t>
    </rPh>
    <rPh sb="30" eb="32">
      <t>カンケイ</t>
    </rPh>
    <rPh sb="32" eb="34">
      <t>ショルイ</t>
    </rPh>
    <rPh sb="35" eb="36">
      <t>ソ</t>
    </rPh>
    <rPh sb="38" eb="40">
      <t>テイシュツ</t>
    </rPh>
    <phoneticPr fontId="1"/>
  </si>
  <si>
    <t>　標記について、児童福祉法施行令第５条第３項の規定に基づき、関係書類を添えて申請します。</t>
    <rPh sb="1" eb="3">
      <t>ヒョウキ</t>
    </rPh>
    <rPh sb="8" eb="10">
      <t>ジドウ</t>
    </rPh>
    <rPh sb="10" eb="12">
      <t>フクシ</t>
    </rPh>
    <rPh sb="12" eb="13">
      <t>ホウ</t>
    </rPh>
    <rPh sb="13" eb="15">
      <t>セコウ</t>
    </rPh>
    <rPh sb="15" eb="16">
      <t>レイ</t>
    </rPh>
    <rPh sb="16" eb="17">
      <t>ダイ</t>
    </rPh>
    <rPh sb="18" eb="19">
      <t>ジョウ</t>
    </rPh>
    <rPh sb="19" eb="20">
      <t>ダイ</t>
    </rPh>
    <rPh sb="21" eb="22">
      <t>コウ</t>
    </rPh>
    <rPh sb="23" eb="25">
      <t>キテイ</t>
    </rPh>
    <rPh sb="26" eb="27">
      <t>モト</t>
    </rPh>
    <rPh sb="30" eb="32">
      <t>カンケイ</t>
    </rPh>
    <rPh sb="32" eb="34">
      <t>ショルイ</t>
    </rPh>
    <rPh sb="35" eb="36">
      <t>ソ</t>
    </rPh>
    <rPh sb="38" eb="40">
      <t>シンセイ</t>
    </rPh>
    <phoneticPr fontId="1"/>
  </si>
  <si>
    <t>氏名（名称）</t>
    <rPh sb="0" eb="2">
      <t>シメイ</t>
    </rPh>
    <rPh sb="3" eb="5">
      <t>メイショウ</t>
    </rPh>
    <phoneticPr fontId="1"/>
  </si>
  <si>
    <t>指定保育士養成施設建物等一覧</t>
    <rPh sb="0" eb="2">
      <t>シテイ</t>
    </rPh>
    <rPh sb="2" eb="5">
      <t>ホイクシ</t>
    </rPh>
    <rPh sb="5" eb="7">
      <t>ヨウセイ</t>
    </rPh>
    <rPh sb="7" eb="9">
      <t>シセツ</t>
    </rPh>
    <rPh sb="9" eb="12">
      <t>タテモノナド</t>
    </rPh>
    <rPh sb="12" eb="14">
      <t>イチラン</t>
    </rPh>
    <phoneticPr fontId="1"/>
  </si>
  <si>
    <t>土  地  面  積</t>
    <rPh sb="0" eb="1">
      <t>ツチ</t>
    </rPh>
    <rPh sb="3" eb="4">
      <t>チ</t>
    </rPh>
    <rPh sb="6" eb="7">
      <t>メン</t>
    </rPh>
    <rPh sb="9" eb="10">
      <t>セキ</t>
    </rPh>
    <phoneticPr fontId="1"/>
  </si>
  <si>
    <t>階数</t>
    <rPh sb="0" eb="2">
      <t>カイスウ</t>
    </rPh>
    <phoneticPr fontId="1"/>
  </si>
  <si>
    <t>用途　（注１）</t>
    <rPh sb="0" eb="2">
      <t>ヨウト</t>
    </rPh>
    <rPh sb="4" eb="5">
      <t>チュウ</t>
    </rPh>
    <phoneticPr fontId="1"/>
  </si>
  <si>
    <t>共　用　先（注２）</t>
    <rPh sb="0" eb="1">
      <t>トモ</t>
    </rPh>
    <rPh sb="2" eb="3">
      <t>ヨウ</t>
    </rPh>
    <rPh sb="4" eb="5">
      <t>サキ</t>
    </rPh>
    <rPh sb="6" eb="7">
      <t>チュウ</t>
    </rPh>
    <phoneticPr fontId="1"/>
  </si>
  <si>
    <t>注１</t>
    <rPh sb="0" eb="1">
      <t>チュウ</t>
    </rPh>
    <phoneticPr fontId="1"/>
  </si>
  <si>
    <t>「用途」欄には、少なくとも次に掲げる各室を記載すること。</t>
    <rPh sb="1" eb="3">
      <t>ヨウト</t>
    </rPh>
    <rPh sb="4" eb="5">
      <t>ラン</t>
    </rPh>
    <rPh sb="8" eb="9">
      <t>スク</t>
    </rPh>
    <rPh sb="13" eb="14">
      <t>ツギ</t>
    </rPh>
    <rPh sb="15" eb="16">
      <t>カカ</t>
    </rPh>
    <rPh sb="18" eb="19">
      <t>カク</t>
    </rPh>
    <rPh sb="19" eb="20">
      <t>シツ</t>
    </rPh>
    <rPh sb="21" eb="23">
      <t>キサイ</t>
    </rPh>
    <phoneticPr fontId="1"/>
  </si>
  <si>
    <t>（ア）教室（講義室、演習室、実験室、実習室等とする。）</t>
    <rPh sb="3" eb="5">
      <t>キョウシツ</t>
    </rPh>
    <rPh sb="6" eb="9">
      <t>コウギシツ</t>
    </rPh>
    <rPh sb="10" eb="12">
      <t>エンシュウ</t>
    </rPh>
    <rPh sb="12" eb="13">
      <t>シツ</t>
    </rPh>
    <rPh sb="14" eb="17">
      <t>ジッケンシツ</t>
    </rPh>
    <rPh sb="18" eb="21">
      <t>ジッシュウシツ</t>
    </rPh>
    <rPh sb="21" eb="22">
      <t>トウ</t>
    </rPh>
    <phoneticPr fontId="1"/>
  </si>
  <si>
    <t>（イ）所長室、会議室、事務室、研究室</t>
    <rPh sb="3" eb="6">
      <t>ショチョウシツ</t>
    </rPh>
    <rPh sb="7" eb="10">
      <t>カイギシツ</t>
    </rPh>
    <rPh sb="11" eb="14">
      <t>ジムシツ</t>
    </rPh>
    <rPh sb="15" eb="18">
      <t>ケンキュウシツ</t>
    </rPh>
    <phoneticPr fontId="1"/>
  </si>
  <si>
    <t>（ウ）図書室、保健室</t>
    <rPh sb="3" eb="6">
      <t>トショシツ</t>
    </rPh>
    <rPh sb="7" eb="10">
      <t>ホケンシツ</t>
    </rPh>
    <phoneticPr fontId="1"/>
  </si>
  <si>
    <t>このほか、学生自習室、クラブ室、更衣室を設けることが望ましいこと。</t>
    <rPh sb="5" eb="7">
      <t>ガクセイ</t>
    </rPh>
    <rPh sb="7" eb="10">
      <t>ジシュウシツ</t>
    </rPh>
    <rPh sb="14" eb="15">
      <t>シツ</t>
    </rPh>
    <rPh sb="16" eb="19">
      <t>コウイシツ</t>
    </rPh>
    <rPh sb="20" eb="21">
      <t>モウ</t>
    </rPh>
    <rPh sb="26" eb="27">
      <t>ノゾ</t>
    </rPh>
    <phoneticPr fontId="1"/>
  </si>
  <si>
    <t>注２</t>
    <rPh sb="0" eb="1">
      <t>チュウ</t>
    </rPh>
    <phoneticPr fontId="1"/>
  </si>
  <si>
    <t>他の学科等と共用の部屋は、「共用先」欄に「○○学科と共用」と記載すること。</t>
    <rPh sb="0" eb="1">
      <t>タ</t>
    </rPh>
    <rPh sb="2" eb="4">
      <t>ガッカ</t>
    </rPh>
    <rPh sb="4" eb="5">
      <t>ナド</t>
    </rPh>
    <rPh sb="6" eb="8">
      <t>キョウヨウ</t>
    </rPh>
    <rPh sb="9" eb="11">
      <t>ヘヤ</t>
    </rPh>
    <rPh sb="14" eb="16">
      <t>キョウヨウ</t>
    </rPh>
    <rPh sb="16" eb="17">
      <t>サキ</t>
    </rPh>
    <rPh sb="18" eb="19">
      <t>ラン</t>
    </rPh>
    <rPh sb="23" eb="25">
      <t>ガッカ</t>
    </rPh>
    <rPh sb="26" eb="28">
      <t>キョウヨウ</t>
    </rPh>
    <rPh sb="30" eb="32">
      <t>キサイ</t>
    </rPh>
    <phoneticPr fontId="1"/>
  </si>
  <si>
    <t>（様式12）</t>
    <phoneticPr fontId="1"/>
  </si>
  <si>
    <t>設置場所</t>
    <rPh sb="0" eb="2">
      <t>セッチ</t>
    </rPh>
    <rPh sb="2" eb="4">
      <t>バショ</t>
    </rPh>
    <phoneticPr fontId="1"/>
  </si>
  <si>
    <t>備　　　考　</t>
    <rPh sb="0" eb="1">
      <t>ソナエ</t>
    </rPh>
    <rPh sb="4" eb="5">
      <t>コウ</t>
    </rPh>
    <phoneticPr fontId="1"/>
  </si>
  <si>
    <t>　　　他の学科等と共用の備品は、備考欄に「○○学科と共用」と記載する。</t>
    <rPh sb="3" eb="4">
      <t>タ</t>
    </rPh>
    <rPh sb="5" eb="7">
      <t>ガッカ</t>
    </rPh>
    <rPh sb="7" eb="8">
      <t>ナド</t>
    </rPh>
    <rPh sb="9" eb="11">
      <t>キョウヨウ</t>
    </rPh>
    <rPh sb="12" eb="14">
      <t>ビヒン</t>
    </rPh>
    <rPh sb="16" eb="19">
      <t>ビコウラン</t>
    </rPh>
    <rPh sb="23" eb="25">
      <t>ガッカ</t>
    </rPh>
    <rPh sb="26" eb="28">
      <t>キョウヨウ</t>
    </rPh>
    <rPh sb="30" eb="32">
      <t>キサイ</t>
    </rPh>
    <phoneticPr fontId="1"/>
  </si>
  <si>
    <t>（様式13）</t>
    <phoneticPr fontId="1"/>
  </si>
  <si>
    <t>(様式15)</t>
    <rPh sb="1" eb="3">
      <t>ヨウシキ</t>
    </rPh>
    <phoneticPr fontId="1"/>
  </si>
  <si>
    <t>巡回教員　　Ａ・・・○○　　Ｂ・・・△△　　Ｃ・・・□□</t>
  </si>
  <si>
    <t>※　学年ごと、実習を実施する期間ごとに作成すること。</t>
  </si>
  <si>
    <t>※　「人数」欄には、予定の学生数を記入すること。</t>
  </si>
  <si>
    <t>※　種別ごとに施設をまとめること</t>
    <phoneticPr fontId="1"/>
  </si>
  <si>
    <t>指定都市名</t>
    <rPh sb="0" eb="2">
      <t>シテイ</t>
    </rPh>
    <rPh sb="2" eb="4">
      <t>トシ</t>
    </rPh>
    <rPh sb="4" eb="5">
      <t>メイ</t>
    </rPh>
    <phoneticPr fontId="1"/>
  </si>
  <si>
    <t>部（局）・課名</t>
    <rPh sb="0" eb="1">
      <t>ブ</t>
    </rPh>
    <rPh sb="2" eb="3">
      <t>キョク</t>
    </rPh>
    <rPh sb="5" eb="7">
      <t>カメイ</t>
    </rPh>
    <phoneticPr fontId="1"/>
  </si>
  <si>
    <t>担当者氏名</t>
    <rPh sb="0" eb="2">
      <t>タントウ</t>
    </rPh>
    <rPh sb="2" eb="3">
      <t>シャ</t>
    </rPh>
    <rPh sb="3" eb="5">
      <t>シメイ</t>
    </rPh>
    <phoneticPr fontId="1"/>
  </si>
  <si>
    <t>１　養成施設の概要</t>
    <rPh sb="2" eb="4">
      <t>ヨウセイ</t>
    </rPh>
    <rPh sb="4" eb="6">
      <t>シセツ</t>
    </rPh>
    <rPh sb="7" eb="9">
      <t>ガイヨウ</t>
    </rPh>
    <phoneticPr fontId="1"/>
  </si>
  <si>
    <t>養成施設名</t>
    <rPh sb="0" eb="2">
      <t>ヨウセイ</t>
    </rPh>
    <rPh sb="2" eb="4">
      <t>シセツ</t>
    </rPh>
    <rPh sb="4" eb="5">
      <t>メイ</t>
    </rPh>
    <phoneticPr fontId="1"/>
  </si>
  <si>
    <t>設置年月日</t>
    <rPh sb="0" eb="2">
      <t>セッチ</t>
    </rPh>
    <rPh sb="2" eb="5">
      <t>ネンガッピ</t>
    </rPh>
    <phoneticPr fontId="1"/>
  </si>
  <si>
    <t>令和　　年　　月　　日</t>
    <rPh sb="0" eb="2">
      <t>レイワ</t>
    </rPh>
    <rPh sb="4" eb="5">
      <t>ネン</t>
    </rPh>
    <rPh sb="7" eb="8">
      <t>ガツ</t>
    </rPh>
    <rPh sb="10" eb="11">
      <t>ニチ</t>
    </rPh>
    <phoneticPr fontId="1"/>
  </si>
  <si>
    <t>学校（施設）の種別</t>
    <rPh sb="0" eb="2">
      <t>ガッコウ</t>
    </rPh>
    <rPh sb="3" eb="5">
      <t>シセツ</t>
    </rPh>
    <rPh sb="7" eb="9">
      <t>シュベツ</t>
    </rPh>
    <phoneticPr fontId="1"/>
  </si>
  <si>
    <t>　大学　　短大　　専門学校　　各種学校　　施設</t>
    <rPh sb="1" eb="3">
      <t>ダイガク</t>
    </rPh>
    <rPh sb="5" eb="7">
      <t>タンダイ</t>
    </rPh>
    <rPh sb="9" eb="11">
      <t>センモン</t>
    </rPh>
    <rPh sb="11" eb="13">
      <t>ガッコウ</t>
    </rPh>
    <rPh sb="15" eb="17">
      <t>カクシュ</t>
    </rPh>
    <rPh sb="17" eb="19">
      <t>ガッコウ</t>
    </rPh>
    <rPh sb="21" eb="23">
      <t>シセツ</t>
    </rPh>
    <phoneticPr fontId="1"/>
  </si>
  <si>
    <t>備考</t>
    <rPh sb="0" eb="2">
      <t>ビコウ</t>
    </rPh>
    <phoneticPr fontId="1"/>
  </si>
  <si>
    <t>開講形態</t>
    <rPh sb="0" eb="2">
      <t>カイコウ</t>
    </rPh>
    <rPh sb="2" eb="4">
      <t>ケイタイ</t>
    </rPh>
    <phoneticPr fontId="1"/>
  </si>
  <si>
    <t>　昼間部（昼夜開講制あり・なし）　夜間部　　昼間提示西部</t>
    <rPh sb="1" eb="3">
      <t>チュウカン</t>
    </rPh>
    <rPh sb="3" eb="4">
      <t>ブ</t>
    </rPh>
    <rPh sb="5" eb="7">
      <t>チュウヤ</t>
    </rPh>
    <rPh sb="7" eb="10">
      <t>カイコウセイ</t>
    </rPh>
    <rPh sb="17" eb="19">
      <t>ヤカン</t>
    </rPh>
    <rPh sb="19" eb="20">
      <t>ブ</t>
    </rPh>
    <rPh sb="22" eb="24">
      <t>チュウカン</t>
    </rPh>
    <rPh sb="24" eb="26">
      <t>テイジ</t>
    </rPh>
    <rPh sb="26" eb="28">
      <t>セイブ</t>
    </rPh>
    <phoneticPr fontId="1"/>
  </si>
  <si>
    <t>修業年限</t>
    <rPh sb="0" eb="2">
      <t>シュウギョウ</t>
    </rPh>
    <rPh sb="2" eb="4">
      <t>ネンゲン</t>
    </rPh>
    <phoneticPr fontId="1"/>
  </si>
  <si>
    <t>年</t>
    <rPh sb="0" eb="1">
      <t>ネン</t>
    </rPh>
    <phoneticPr fontId="1"/>
  </si>
  <si>
    <t>入学定員</t>
    <rPh sb="0" eb="2">
      <t>ニュウガク</t>
    </rPh>
    <rPh sb="2" eb="4">
      <t>テイイン</t>
    </rPh>
    <phoneticPr fontId="1"/>
  </si>
  <si>
    <t>人</t>
    <rPh sb="0" eb="1">
      <t>ニン</t>
    </rPh>
    <phoneticPr fontId="1"/>
  </si>
  <si>
    <t>専任教員
数</t>
    <rPh sb="0" eb="2">
      <t>センニン</t>
    </rPh>
    <rPh sb="2" eb="4">
      <t>キョウイン</t>
    </rPh>
    <rPh sb="5" eb="6">
      <t>スウ</t>
    </rPh>
    <phoneticPr fontId="1"/>
  </si>
  <si>
    <t>学生定員</t>
    <rPh sb="0" eb="2">
      <t>ガクセイ</t>
    </rPh>
    <rPh sb="2" eb="4">
      <t>テイイン</t>
    </rPh>
    <phoneticPr fontId="1"/>
  </si>
  <si>
    <t>（注）</t>
    <rPh sb="1" eb="2">
      <t>チュウ</t>
    </rPh>
    <phoneticPr fontId="1"/>
  </si>
  <si>
    <t>　１　学校（施設）名は養成施設の名称を、指定を受けようとする最小単位まで正確に記載すること。</t>
    <rPh sb="3" eb="5">
      <t>ガッコウ</t>
    </rPh>
    <rPh sb="6" eb="8">
      <t>シセツ</t>
    </rPh>
    <rPh sb="9" eb="10">
      <t>メイ</t>
    </rPh>
    <rPh sb="11" eb="13">
      <t>ヨウセイ</t>
    </rPh>
    <rPh sb="13" eb="15">
      <t>シセツ</t>
    </rPh>
    <rPh sb="16" eb="18">
      <t>メイショウ</t>
    </rPh>
    <rPh sb="20" eb="22">
      <t>シテイ</t>
    </rPh>
    <rPh sb="23" eb="24">
      <t>ウ</t>
    </rPh>
    <rPh sb="30" eb="32">
      <t>サイショウ</t>
    </rPh>
    <rPh sb="32" eb="34">
      <t>タンイ</t>
    </rPh>
    <rPh sb="36" eb="38">
      <t>セイカク</t>
    </rPh>
    <rPh sb="39" eb="41">
      <t>キサイ</t>
    </rPh>
    <phoneticPr fontId="1"/>
  </si>
  <si>
    <t>　２　施設年月日は、保育士養成施設の設置予定年月日を記載すること。</t>
    <rPh sb="3" eb="5">
      <t>シセツ</t>
    </rPh>
    <rPh sb="5" eb="8">
      <t>ネンガッピ</t>
    </rPh>
    <rPh sb="10" eb="13">
      <t>ホイクシ</t>
    </rPh>
    <rPh sb="13" eb="15">
      <t>ヨウセイ</t>
    </rPh>
    <rPh sb="15" eb="17">
      <t>シセツ</t>
    </rPh>
    <rPh sb="18" eb="20">
      <t>セッチ</t>
    </rPh>
    <rPh sb="20" eb="22">
      <t>ヨテイ</t>
    </rPh>
    <rPh sb="22" eb="25">
      <t>ネンガッピ</t>
    </rPh>
    <rPh sb="26" eb="28">
      <t>キサイ</t>
    </rPh>
    <phoneticPr fontId="1"/>
  </si>
  <si>
    <t>２ 添付書類の確認</t>
    <phoneticPr fontId="1"/>
  </si>
  <si>
    <t>書類名</t>
    <phoneticPr fontId="1"/>
  </si>
  <si>
    <t>確認事項</t>
    <phoneticPr fontId="1"/>
  </si>
  <si>
    <t>１  指定申請書</t>
    <phoneticPr fontId="1"/>
  </si>
  <si>
    <t xml:space="preserve">・所定の様式に必要事項は記載されているか
</t>
    <phoneticPr fontId="1"/>
  </si>
  <si>
    <t>（　　）</t>
    <phoneticPr fontId="1"/>
  </si>
  <si>
    <t xml:space="preserve">・学校又は施設の長及び記載されている教員全てについて履歴
</t>
    <phoneticPr fontId="1"/>
  </si>
  <si>
    <t>　が添付されているか</t>
    <phoneticPr fontId="1"/>
  </si>
  <si>
    <t>・学校又は施設の長及び記載されている教員全てについて就任</t>
    <phoneticPr fontId="1"/>
  </si>
  <si>
    <t>　承諾書が添付されているか</t>
    <phoneticPr fontId="1"/>
  </si>
  <si>
    <t>２  保育士養成課程設置又は</t>
    <phoneticPr fontId="1"/>
  </si>
  <si>
    <t xml:space="preserve">・保育士養成課程設置又は定員変更の理由、必要性、当該養成
</t>
    <phoneticPr fontId="1"/>
  </si>
  <si>
    <t>　定員変更に関する理由書</t>
    <phoneticPr fontId="1"/>
  </si>
  <si>
    <t>　施設の特色、学生確保の見込み等が記入されているか</t>
    <phoneticPr fontId="1"/>
  </si>
  <si>
    <t>３  設置者が法人の場合の必</t>
    <phoneticPr fontId="1"/>
  </si>
  <si>
    <t xml:space="preserve">・法人の定款、寄付行為、その他の規約が添付されているか
</t>
    <phoneticPr fontId="1"/>
  </si>
  <si>
    <t>　要書類</t>
    <phoneticPr fontId="1"/>
  </si>
  <si>
    <t xml:space="preserve">・役員名簿が添付されているか
</t>
    <phoneticPr fontId="1"/>
  </si>
  <si>
    <t>・法人認可官庁に提出した前年度の事業概要報告書、収支決算</t>
    <phoneticPr fontId="1"/>
  </si>
  <si>
    <t>　書（貸借対照表）、財産目録は添付されているか</t>
    <phoneticPr fontId="1"/>
  </si>
  <si>
    <t>・当年度の事業計画、収支予算書は添付されているか</t>
    <phoneticPr fontId="1"/>
  </si>
  <si>
    <t>４  設置者が法人の設立を予</t>
    <phoneticPr fontId="1"/>
  </si>
  <si>
    <t>・設置者が法人の場合の必要書類（前年度の事業概要報告書、</t>
    <phoneticPr fontId="1"/>
  </si>
  <si>
    <t>　定している場合の必要書類</t>
    <phoneticPr fontId="1"/>
  </si>
  <si>
    <t>　収支決算書（貸借対照表）、財産目録を除く）は添付されて</t>
    <phoneticPr fontId="1"/>
  </si>
  <si>
    <t>　いるか。</t>
    <phoneticPr fontId="1"/>
  </si>
  <si>
    <t>５  保育士養成に係る議事録</t>
    <phoneticPr fontId="1"/>
  </si>
  <si>
    <t>・保育士養成課程の設置又は定員変更について決議した旨が記</t>
    <phoneticPr fontId="1"/>
  </si>
  <si>
    <t>　載されているか</t>
    <phoneticPr fontId="1"/>
  </si>
  <si>
    <t>６  学校又は施設の長の履歴、</t>
    <phoneticPr fontId="1"/>
  </si>
  <si>
    <t>・履歴書には、氏名（署名又は記名押印）、生年月日、年齢、</t>
    <phoneticPr fontId="1"/>
  </si>
  <si>
    <t>　就任承諾書</t>
    <phoneticPr fontId="1"/>
  </si>
  <si>
    <t xml:space="preserve">　住所、学歴、教員歴、職歴が記載されているか
</t>
    <phoneticPr fontId="1"/>
  </si>
  <si>
    <t>・就任承諾書には氏名（署名）、就任時期が記載されているか</t>
    <phoneticPr fontId="1"/>
  </si>
  <si>
    <t>７  教員の履歴及び就任承諾書</t>
    <phoneticPr fontId="1"/>
  </si>
  <si>
    <t xml:space="preserve">・教員調書は漏れなく記載されているか
</t>
    <phoneticPr fontId="1"/>
  </si>
  <si>
    <t>・就任承諾書は漏れなく記載されているか</t>
    <phoneticPr fontId="1"/>
  </si>
  <si>
    <t>８  学則</t>
    <phoneticPr fontId="1"/>
  </si>
  <si>
    <t xml:space="preserve">・新学則、旧学則及び学則の新旧対照表が添付されているか
</t>
    <phoneticPr fontId="1"/>
  </si>
  <si>
    <t>・保育士資格取得に必要な修業教科目及び単位数並びに履修方</t>
    <phoneticPr fontId="1"/>
  </si>
  <si>
    <t>　法に関する事項が学則の他に別に定められている場合は、そ</t>
    <phoneticPr fontId="1"/>
  </si>
  <si>
    <t>　の内容が確認できる書類（学生向けの履修規定等）が添付さ</t>
    <phoneticPr fontId="1"/>
  </si>
  <si>
    <t>　れているか</t>
    <phoneticPr fontId="1"/>
  </si>
  <si>
    <t>９  教科目名称読み替え表</t>
    <phoneticPr fontId="1"/>
  </si>
  <si>
    <t>・教科目名称の読み替えを行う場合は、読み替え表が添付され</t>
    <phoneticPr fontId="1"/>
  </si>
  <si>
    <t>　ているか</t>
    <phoneticPr fontId="1"/>
  </si>
  <si>
    <t xml:space="preserve">・以下の内容について、科目ごとに漏れなく記載されているか
</t>
    <phoneticPr fontId="1"/>
  </si>
  <si>
    <t>　・配当学年・時期 ・授業の目的・ねらい</t>
    <phoneticPr fontId="1"/>
  </si>
  <si>
    <t>　・授業全体の内容の概要 ・授業修了時の達成課題</t>
    <phoneticPr fontId="1"/>
  </si>
  <si>
    <t>　・授業の日程と各回のテーマ・内容・授業方法</t>
    <phoneticPr fontId="1"/>
  </si>
  <si>
    <t>　・単位認定の方法及び基準 など</t>
    <phoneticPr fontId="1"/>
  </si>
  <si>
    <t>11　学習進度計画表</t>
    <phoneticPr fontId="1"/>
  </si>
  <si>
    <t>・学習進度計画表が添付されているか</t>
    <phoneticPr fontId="1"/>
  </si>
  <si>
    <t>12　時間割</t>
    <phoneticPr fontId="1"/>
  </si>
  <si>
    <t>・各学年単位で作成されているか</t>
    <phoneticPr fontId="1"/>
  </si>
  <si>
    <t>13　建物その他設備の規模及</t>
    <phoneticPr fontId="1"/>
  </si>
  <si>
    <t xml:space="preserve">・配置図、平面図及び教室ごとの詳細図が添付されているか
</t>
    <phoneticPr fontId="1"/>
  </si>
  <si>
    <t>　び構造並びにその図面</t>
    <phoneticPr fontId="1"/>
  </si>
  <si>
    <t xml:space="preserve">・設備の概要（備品一覧）が添付されているか
</t>
    <phoneticPr fontId="1"/>
  </si>
  <si>
    <t>・図書目録が添付されているか</t>
    <phoneticPr fontId="1"/>
  </si>
  <si>
    <t>14　実習に利用する施設の名</t>
    <phoneticPr fontId="1"/>
  </si>
  <si>
    <t xml:space="preserve">・保育実習計画に必要な内容が記載されているか
</t>
    <phoneticPr fontId="1"/>
  </si>
  <si>
    <t>　称及び利用の概要</t>
    <phoneticPr fontId="1"/>
  </si>
  <si>
    <t xml:space="preserve">・実習施設一覧が添付されているか
</t>
    <phoneticPr fontId="1"/>
  </si>
  <si>
    <t>・実習施設の承諾書が添付されているか</t>
    <phoneticPr fontId="1"/>
  </si>
  <si>
    <t>16 保育実習計画</t>
    <phoneticPr fontId="1"/>
  </si>
  <si>
    <t>・実習施設と保育実習計画の整合性がとれているか</t>
    <phoneticPr fontId="1"/>
  </si>
  <si>
    <t>（注）「確認事項」欄の（　）内は、各項目の内容が満たされている場合は「○」、満たされていない場</t>
    <rPh sb="1" eb="2">
      <t>チュウ</t>
    </rPh>
    <rPh sb="4" eb="6">
      <t>カクニン</t>
    </rPh>
    <rPh sb="6" eb="8">
      <t>ジコウ</t>
    </rPh>
    <rPh sb="9" eb="10">
      <t>ラン</t>
    </rPh>
    <rPh sb="14" eb="15">
      <t>ナイ</t>
    </rPh>
    <rPh sb="17" eb="20">
      <t>カクコウモク</t>
    </rPh>
    <rPh sb="21" eb="23">
      <t>ナイヨウ</t>
    </rPh>
    <rPh sb="24" eb="25">
      <t>ミ</t>
    </rPh>
    <rPh sb="31" eb="33">
      <t>バアイ</t>
    </rPh>
    <rPh sb="38" eb="39">
      <t>ミ</t>
    </rPh>
    <rPh sb="46" eb="47">
      <t>ジョウ</t>
    </rPh>
    <phoneticPr fontId="1"/>
  </si>
  <si>
    <t>　　合は「×」をそれぞれ記入すること。</t>
    <phoneticPr fontId="1"/>
  </si>
  <si>
    <t>３ 指定申請内容に係る調査結果</t>
    <phoneticPr fontId="1"/>
  </si>
  <si>
    <t>調査項目</t>
    <phoneticPr fontId="1"/>
  </si>
  <si>
    <t>調査内容</t>
    <phoneticPr fontId="1"/>
  </si>
  <si>
    <t>学生定員</t>
    <phoneticPr fontId="1"/>
  </si>
  <si>
    <t>児童福祉法施行規則第６条の２の３の規定に即しているか</t>
    <phoneticPr fontId="1"/>
  </si>
  <si>
    <t>学則</t>
    <phoneticPr fontId="1"/>
  </si>
  <si>
    <t>① 定員は１００人以上であるか</t>
    <phoneticPr fontId="1"/>
  </si>
  <si>
    <t>（　　）</t>
  </si>
  <si>
    <t>② 定員が１００人未満の場合、指定保育士養成施設の経営</t>
    <phoneticPr fontId="1"/>
  </si>
  <si>
    <t xml:space="preserve">  状況に支障を生じるおそれはないか</t>
    <phoneticPr fontId="1"/>
  </si>
  <si>
    <t>今回指定を行うことに対する指定都市の考え方について</t>
    <phoneticPr fontId="1"/>
  </si>
  <si>
    <t>① 当該指定都市における保育士養成の現状について</t>
    <phoneticPr fontId="1"/>
  </si>
  <si>
    <t>(                                                           )</t>
    <phoneticPr fontId="1"/>
  </si>
  <si>
    <t>② 新規指定をすることによって指定都市に与える影響について</t>
    <phoneticPr fontId="1"/>
  </si>
  <si>
    <t>③ 今回の指定についての指定都市の考え方</t>
    <phoneticPr fontId="1"/>
  </si>
  <si>
    <t>修業年限</t>
    <phoneticPr fontId="1"/>
  </si>
  <si>
    <t>昼間部及び昼夜開講制については２年以上、夜間部及び昼間</t>
    <phoneticPr fontId="1"/>
  </si>
  <si>
    <t>（ 　 ）</t>
    <phoneticPr fontId="1"/>
  </si>
  <si>
    <t>定時制については３年以上となっているか</t>
    <phoneticPr fontId="1"/>
  </si>
  <si>
    <t>修業教科目</t>
  </si>
  <si>
    <t>児童福祉法施行規則第６条の２の３第１項第３号の指定保育</t>
    <phoneticPr fontId="1"/>
  </si>
  <si>
    <t>（ 　 ）</t>
  </si>
  <si>
    <t>教科目名称読</t>
  </si>
  <si>
    <t>及び単位数</t>
  </si>
  <si>
    <t>士養成施設の修業教科目及び単位数並びに履修方法（平成13</t>
    <phoneticPr fontId="1"/>
  </si>
  <si>
    <t>み替え表</t>
  </si>
  <si>
    <t>年厚生労働省告示第193号）第１条各号に定められた修業教</t>
    <phoneticPr fontId="1"/>
  </si>
  <si>
    <t>教授内容の概</t>
  </si>
  <si>
    <t>科目及び単位数を有しているか</t>
    <phoneticPr fontId="1"/>
  </si>
  <si>
    <t>要</t>
  </si>
  <si>
    <t>① 告示第１条第１号（必修科目）の規定を満たしているか</t>
    <phoneticPr fontId="1"/>
  </si>
  <si>
    <t>② 告示第１条第２号（選択必修科目）の規定を満たしているか</t>
    <phoneticPr fontId="1"/>
  </si>
  <si>
    <t>③ 告示第１条第３号（教養科目）の規定を満たしているか</t>
  </si>
  <si>
    <t xml:space="preserve">   開設されている科目の教授内容は適切か</t>
    <phoneticPr fontId="1"/>
  </si>
  <si>
    <t>履修方法</t>
    <phoneticPr fontId="1"/>
  </si>
  <si>
    <t>履修方法は適切であるか</t>
    <phoneticPr fontId="1"/>
  </si>
  <si>
    <t>申請書記載事</t>
  </si>
  <si>
    <t>① 告示第４条第１号（必修科目）の規定を満たしているか</t>
    <phoneticPr fontId="1"/>
  </si>
  <si>
    <t>項中、学則変</t>
    <phoneticPr fontId="1"/>
  </si>
  <si>
    <t>② 告示第４章第２号（選択必修科目）の規定を満たしているか</t>
    <phoneticPr fontId="1"/>
  </si>
  <si>
    <t>更に係る部分</t>
    <phoneticPr fontId="1"/>
  </si>
  <si>
    <t>③ 告示第４条第３号（教養科目）の規定を満たしているか</t>
    <phoneticPr fontId="1"/>
  </si>
  <si>
    <t>（様式17）</t>
    <rPh sb="1" eb="3">
      <t>ヨウシキ</t>
    </rPh>
    <phoneticPr fontId="1"/>
  </si>
  <si>
    <t>（）年</t>
    <rPh sb="2" eb="3">
      <t>ネン</t>
    </rPh>
    <phoneticPr fontId="1"/>
  </si>
  <si>
    <t>（）名</t>
    <rPh sb="2" eb="3">
      <t>メイ</t>
    </rPh>
    <phoneticPr fontId="1"/>
  </si>
  <si>
    <t>（注２）変更前を（）内に記入すること。</t>
    <phoneticPr fontId="1"/>
  </si>
  <si>
    <t>　修業年限及び定員
（注２）</t>
    <rPh sb="1" eb="3">
      <t>シュウギョウ</t>
    </rPh>
    <rPh sb="3" eb="5">
      <t>ネンゲン</t>
    </rPh>
    <rPh sb="5" eb="6">
      <t>オヨ</t>
    </rPh>
    <rPh sb="7" eb="9">
      <t>テイイン</t>
    </rPh>
    <rPh sb="11" eb="12">
      <t>チュウ</t>
    </rPh>
    <phoneticPr fontId="1"/>
  </si>
  <si>
    <t>住　　　　所</t>
    <rPh sb="0" eb="1">
      <t>ジュウ</t>
    </rPh>
    <rPh sb="5" eb="6">
      <t>ショ</t>
    </rPh>
    <phoneticPr fontId="1"/>
  </si>
  <si>
    <t>教養科目</t>
    <rPh sb="0" eb="4">
      <t>キョウヨウカモク</t>
    </rPh>
    <phoneticPr fontId="6"/>
  </si>
  <si>
    <t>必修科目</t>
    <rPh sb="0" eb="4">
      <t>ヒッシュウカモク</t>
    </rPh>
    <phoneticPr fontId="6"/>
  </si>
  <si>
    <t>選択必修科目</t>
    <phoneticPr fontId="6"/>
  </si>
  <si>
    <t>（１）なぜ、学則変更が必要であったのか　</t>
    <phoneticPr fontId="6"/>
  </si>
  <si>
    <t>（２）学則変更を行うことによってどのようなメリットがあるのか　</t>
    <phoneticPr fontId="6"/>
  </si>
  <si>
    <t>（３）変更内容が妥当であるのか、具体的に記載してください。</t>
    <phoneticPr fontId="1"/>
  </si>
  <si>
    <r>
      <t>　私は、○○大学○○学部○○学科が指定保育士養成施設として定員変更の承認を受けた際は、当該学科において下記科目を担当する教員</t>
    </r>
    <r>
      <rPr>
        <u/>
        <sz val="12"/>
        <rFont val="HGPｺﾞｼｯｸM"/>
        <family val="3"/>
        <charset val="128"/>
      </rPr>
      <t>（専任・兼任）</t>
    </r>
    <r>
      <rPr>
        <sz val="12"/>
        <rFont val="HGPｺﾞｼｯｸM"/>
        <family val="3"/>
        <charset val="128"/>
      </rPr>
      <t>として、就任することを承諾します。</t>
    </r>
    <rPh sb="1" eb="2">
      <t>ワタシ</t>
    </rPh>
    <rPh sb="6" eb="8">
      <t>ダイガク</t>
    </rPh>
    <rPh sb="10" eb="12">
      <t>ガクブ</t>
    </rPh>
    <rPh sb="14" eb="16">
      <t>ガッカ</t>
    </rPh>
    <rPh sb="17" eb="19">
      <t>シテイ</t>
    </rPh>
    <rPh sb="19" eb="22">
      <t>ホイクシ</t>
    </rPh>
    <rPh sb="22" eb="24">
      <t>ヨウセイ</t>
    </rPh>
    <rPh sb="24" eb="26">
      <t>シセツ</t>
    </rPh>
    <rPh sb="29" eb="31">
      <t>テイイン</t>
    </rPh>
    <rPh sb="31" eb="33">
      <t>ヘンコウ</t>
    </rPh>
    <rPh sb="34" eb="36">
      <t>ショウニン</t>
    </rPh>
    <rPh sb="37" eb="38">
      <t>ウ</t>
    </rPh>
    <rPh sb="40" eb="41">
      <t>サイ</t>
    </rPh>
    <rPh sb="43" eb="45">
      <t>トウガイ</t>
    </rPh>
    <rPh sb="45" eb="47">
      <t>ガッカ</t>
    </rPh>
    <rPh sb="51" eb="53">
      <t>カキ</t>
    </rPh>
    <rPh sb="53" eb="55">
      <t>カモク</t>
    </rPh>
    <rPh sb="56" eb="58">
      <t>タントウ</t>
    </rPh>
    <rPh sb="60" eb="62">
      <t>キョウイン</t>
    </rPh>
    <rPh sb="63" eb="65">
      <t>センニン</t>
    </rPh>
    <rPh sb="66" eb="67">
      <t>ケン</t>
    </rPh>
    <rPh sb="67" eb="68">
      <t>ニン</t>
    </rPh>
    <rPh sb="73" eb="75">
      <t>シュウニン</t>
    </rPh>
    <rPh sb="80" eb="82">
      <t>ショウダク</t>
    </rPh>
    <phoneticPr fontId="1"/>
  </si>
  <si>
    <t>変更承認(定員増)に対する調査書</t>
    <rPh sb="0" eb="2">
      <t>ヘンコウ</t>
    </rPh>
    <rPh sb="2" eb="4">
      <t>ショウニン</t>
    </rPh>
    <rPh sb="5" eb="8">
      <t>テイインゾウ</t>
    </rPh>
    <rPh sb="10" eb="11">
      <t>タイ</t>
    </rPh>
    <rPh sb="13" eb="15">
      <t>チョウサ</t>
    </rPh>
    <rPh sb="15" eb="16">
      <t>ショ</t>
    </rPh>
    <phoneticPr fontId="1"/>
  </si>
  <si>
    <t>印</t>
    <rPh sb="0" eb="1">
      <t>イン</t>
    </rPh>
    <phoneticPr fontId="1"/>
  </si>
  <si>
    <t>　　指定保育士養成施設定員変更申請書</t>
    <rPh sb="2" eb="4">
      <t>シテイ</t>
    </rPh>
    <rPh sb="4" eb="7">
      <t>ホイクシ</t>
    </rPh>
    <rPh sb="7" eb="9">
      <t>ヨウセイ</t>
    </rPh>
    <rPh sb="9" eb="11">
      <t>シセツ</t>
    </rPh>
    <rPh sb="11" eb="13">
      <t>テイイン</t>
    </rPh>
    <rPh sb="13" eb="15">
      <t>ヘンコウ</t>
    </rPh>
    <rPh sb="15" eb="17">
      <t>シンセイ</t>
    </rPh>
    <rPh sb="17" eb="18">
      <t>ショ</t>
    </rPh>
    <phoneticPr fontId="1"/>
  </si>
  <si>
    <t>教員の氏名・担当科目・専任兼任の別（注３・注４）</t>
    <rPh sb="0" eb="2">
      <t>キョウイン</t>
    </rPh>
    <rPh sb="3" eb="5">
      <t>シメイ</t>
    </rPh>
    <rPh sb="6" eb="8">
      <t>タントウ</t>
    </rPh>
    <rPh sb="8" eb="10">
      <t>カモク</t>
    </rPh>
    <rPh sb="11" eb="13">
      <t>センニン</t>
    </rPh>
    <rPh sb="13" eb="15">
      <t>ケンニン</t>
    </rPh>
    <rPh sb="16" eb="17">
      <t>ベツ</t>
    </rPh>
    <rPh sb="18" eb="19">
      <t>チュウ</t>
    </rPh>
    <rPh sb="21" eb="22">
      <t>チュウ</t>
    </rPh>
    <phoneticPr fontId="1"/>
  </si>
  <si>
    <t>学　　習　　進　　度　　計　　画　　表</t>
    <rPh sb="0" eb="1">
      <t>ガク</t>
    </rPh>
    <rPh sb="3" eb="4">
      <t>シュウ</t>
    </rPh>
    <rPh sb="6" eb="7">
      <t>ススム</t>
    </rPh>
    <rPh sb="9" eb="10">
      <t>ド</t>
    </rPh>
    <rPh sb="12" eb="13">
      <t>ケイ</t>
    </rPh>
    <rPh sb="15" eb="16">
      <t>ガ</t>
    </rPh>
    <rPh sb="18" eb="19">
      <t>オモテ</t>
    </rPh>
    <phoneticPr fontId="6"/>
  </si>
  <si>
    <t>(様式16）</t>
    <rPh sb="1" eb="3">
      <t>ヨウシキ</t>
    </rPh>
    <phoneticPr fontId="1"/>
  </si>
  <si>
    <t>○○法人　○○学園</t>
    <rPh sb="2" eb="4">
      <t>ホウジン</t>
    </rPh>
    <rPh sb="7" eb="9">
      <t>ガクエン</t>
    </rPh>
    <phoneticPr fontId="1"/>
  </si>
  <si>
    <t>〒000-1234　神奈川県横浜市××1-1-1 　ＴEL　045-000-0000</t>
    <rPh sb="10" eb="14">
      <t>カナガワケン</t>
    </rPh>
    <rPh sb="14" eb="17">
      <t>ヨコハマシ</t>
    </rPh>
    <phoneticPr fontId="1"/>
  </si>
  <si>
    <t>○○大学短期大学部　幼児教育学科　幼児教育専攻</t>
    <rPh sb="2" eb="4">
      <t>ダイガク</t>
    </rPh>
    <rPh sb="4" eb="6">
      <t>タンキ</t>
    </rPh>
    <rPh sb="6" eb="8">
      <t>ダイガク</t>
    </rPh>
    <rPh sb="8" eb="9">
      <t>ブ</t>
    </rPh>
    <rPh sb="10" eb="12">
      <t>ヨウジ</t>
    </rPh>
    <rPh sb="12" eb="14">
      <t>キョウイク</t>
    </rPh>
    <rPh sb="14" eb="16">
      <t>ガッカ</t>
    </rPh>
    <rPh sb="17" eb="19">
      <t>ヨウジ</t>
    </rPh>
    <rPh sb="19" eb="21">
      <t>キョウイク</t>
    </rPh>
    <rPh sb="21" eb="23">
      <t>センコウ</t>
    </rPh>
    <phoneticPr fontId="1"/>
  </si>
  <si>
    <t>当該養成施設の所在地（郵便番号から記載）・電話番号</t>
    <rPh sb="0" eb="2">
      <t>トウガイ</t>
    </rPh>
    <rPh sb="2" eb="4">
      <t>ヨウセイ</t>
    </rPh>
    <rPh sb="4" eb="6">
      <t>シセツ</t>
    </rPh>
    <rPh sb="7" eb="10">
      <t>ショザイチ</t>
    </rPh>
    <rPh sb="11" eb="13">
      <t>ユウビン</t>
    </rPh>
    <rPh sb="13" eb="15">
      <t>バンゴウ</t>
    </rPh>
    <rPh sb="17" eb="19">
      <t>キサイ</t>
    </rPh>
    <rPh sb="21" eb="23">
      <t>デンワ</t>
    </rPh>
    <rPh sb="23" eb="25">
      <t>バンゴウ</t>
    </rPh>
    <phoneticPr fontId="1"/>
  </si>
  <si>
    <t>当該養成施設の設置予定年月日</t>
    <rPh sb="0" eb="2">
      <t>トウガイ</t>
    </rPh>
    <rPh sb="2" eb="4">
      <t>ヨウセイ</t>
    </rPh>
    <rPh sb="4" eb="6">
      <t>シセツ</t>
    </rPh>
    <rPh sb="7" eb="9">
      <t>セッチ</t>
    </rPh>
    <rPh sb="9" eb="11">
      <t>ヨテイ</t>
    </rPh>
    <rPh sb="11" eb="14">
      <t>ネンガッピ</t>
    </rPh>
    <phoneticPr fontId="1"/>
  </si>
  <si>
    <t>○○　○○</t>
    <phoneticPr fontId="1"/>
  </si>
  <si>
    <t>教員調書右上の一連番号と一致させる</t>
    <rPh sb="0" eb="2">
      <t>キョウイン</t>
    </rPh>
    <rPh sb="2" eb="4">
      <t>チョウショ</t>
    </rPh>
    <rPh sb="4" eb="6">
      <t>ミギウエ</t>
    </rPh>
    <rPh sb="7" eb="9">
      <t>イチレン</t>
    </rPh>
    <rPh sb="9" eb="11">
      <t>バンゴウ</t>
    </rPh>
    <rPh sb="12" eb="14">
      <t>イッチ</t>
    </rPh>
    <phoneticPr fontId="1"/>
  </si>
  <si>
    <t>△△　△△</t>
    <phoneticPr fontId="1"/>
  </si>
  <si>
    <t>必修科目、選択必修科目、教養科目の順に記載　　　　　　　　　　　　　　　　（複数の科目を担当の場合）</t>
    <rPh sb="0" eb="2">
      <t>ヒッシュウ</t>
    </rPh>
    <rPh sb="2" eb="4">
      <t>カモク</t>
    </rPh>
    <rPh sb="5" eb="7">
      <t>センタク</t>
    </rPh>
    <rPh sb="7" eb="9">
      <t>ヒッシュウ</t>
    </rPh>
    <rPh sb="9" eb="11">
      <t>カモク</t>
    </rPh>
    <rPh sb="12" eb="14">
      <t>キョウヨウ</t>
    </rPh>
    <rPh sb="14" eb="16">
      <t>カモク</t>
    </rPh>
    <rPh sb="17" eb="18">
      <t>ジュン</t>
    </rPh>
    <rPh sb="19" eb="21">
      <t>キサイ</t>
    </rPh>
    <rPh sb="38" eb="40">
      <t>フクスウ</t>
    </rPh>
    <rPh sb="41" eb="43">
      <t>カモク</t>
    </rPh>
    <rPh sb="44" eb="46">
      <t>タントウ</t>
    </rPh>
    <rPh sb="47" eb="49">
      <t>バアイ</t>
    </rPh>
    <phoneticPr fontId="1"/>
  </si>
  <si>
    <t>昭和○○年○月</t>
    <rPh sb="0" eb="2">
      <t>ショウワ</t>
    </rPh>
    <rPh sb="4" eb="5">
      <t>ネン</t>
    </rPh>
    <rPh sb="6" eb="7">
      <t>ツキ</t>
    </rPh>
    <phoneticPr fontId="1"/>
  </si>
  <si>
    <t>○○大学○○学部○○学科　入学</t>
    <rPh sb="2" eb="4">
      <t>ダイガク</t>
    </rPh>
    <rPh sb="6" eb="8">
      <t>ガクブ</t>
    </rPh>
    <rPh sb="10" eb="12">
      <t>ガッカ</t>
    </rPh>
    <rPh sb="13" eb="15">
      <t>ニュウガク</t>
    </rPh>
    <phoneticPr fontId="1"/>
  </si>
  <si>
    <t>○○大学○○学部○○学科　卒業</t>
    <rPh sb="2" eb="4">
      <t>ダイガク</t>
    </rPh>
    <rPh sb="6" eb="8">
      <t>ガクブ</t>
    </rPh>
    <rPh sb="10" eb="12">
      <t>ガッカ</t>
    </rPh>
    <rPh sb="13" eb="15">
      <t>ソツギョウ</t>
    </rPh>
    <phoneticPr fontId="1"/>
  </si>
  <si>
    <t>○○大学大学院○○学研究科○○学専攻　修士課程入学</t>
    <rPh sb="2" eb="4">
      <t>ダイガク</t>
    </rPh>
    <rPh sb="4" eb="6">
      <t>ダイガク</t>
    </rPh>
    <rPh sb="6" eb="7">
      <t>イン</t>
    </rPh>
    <rPh sb="9" eb="10">
      <t>ガク</t>
    </rPh>
    <rPh sb="10" eb="12">
      <t>ケンキュウ</t>
    </rPh>
    <rPh sb="12" eb="13">
      <t>カ</t>
    </rPh>
    <rPh sb="15" eb="16">
      <t>ガク</t>
    </rPh>
    <rPh sb="16" eb="18">
      <t>センコウ</t>
    </rPh>
    <rPh sb="19" eb="21">
      <t>シュウシ</t>
    </rPh>
    <rPh sb="21" eb="23">
      <t>カテイ</t>
    </rPh>
    <rPh sb="23" eb="25">
      <t>ニュウガク</t>
    </rPh>
    <phoneticPr fontId="1"/>
  </si>
  <si>
    <t>○○大学大学院○○学研究科○○学専攻　修士課程修了</t>
    <rPh sb="2" eb="4">
      <t>ダイガク</t>
    </rPh>
    <rPh sb="4" eb="6">
      <t>ダイガク</t>
    </rPh>
    <rPh sb="6" eb="7">
      <t>イン</t>
    </rPh>
    <rPh sb="9" eb="10">
      <t>ガク</t>
    </rPh>
    <rPh sb="10" eb="12">
      <t>ケンキュウ</t>
    </rPh>
    <rPh sb="12" eb="13">
      <t>カ</t>
    </rPh>
    <rPh sb="15" eb="16">
      <t>ガク</t>
    </rPh>
    <rPh sb="16" eb="18">
      <t>センコウ</t>
    </rPh>
    <rPh sb="19" eb="21">
      <t>シュウシ</t>
    </rPh>
    <rPh sb="21" eb="23">
      <t>カテイ</t>
    </rPh>
    <rPh sb="23" eb="25">
      <t>シュウリョウ</t>
    </rPh>
    <phoneticPr fontId="1"/>
  </si>
  <si>
    <t>○○専門学校
　　　　○○学科</t>
    <rPh sb="2" eb="4">
      <t>センモン</t>
    </rPh>
    <rPh sb="4" eb="6">
      <t>ガッコウ</t>
    </rPh>
    <rPh sb="13" eb="15">
      <t>ガッカ</t>
    </rPh>
    <phoneticPr fontId="1"/>
  </si>
  <si>
    <t>非常勤講師（保育実習）担当</t>
    <rPh sb="0" eb="3">
      <t>ヒジョウキン</t>
    </rPh>
    <rPh sb="3" eb="5">
      <t>コウシ</t>
    </rPh>
    <rPh sb="6" eb="8">
      <t>ホイク</t>
    </rPh>
    <rPh sb="8" eb="10">
      <t>ジッシュウ</t>
    </rPh>
    <rPh sb="11" eb="13">
      <t>タントウ</t>
    </rPh>
    <phoneticPr fontId="1"/>
  </si>
  <si>
    <t>昭和○○年○月～
　　　　○○年○月
　　（○○年○月）</t>
    <rPh sb="0" eb="2">
      <t>ショウワ</t>
    </rPh>
    <rPh sb="4" eb="5">
      <t>ネン</t>
    </rPh>
    <rPh sb="6" eb="7">
      <t>ツキ</t>
    </rPh>
    <rPh sb="15" eb="16">
      <t>ネン</t>
    </rPh>
    <rPh sb="17" eb="18">
      <t>ツキ</t>
    </rPh>
    <rPh sb="24" eb="25">
      <t>ネン</t>
    </rPh>
    <rPh sb="26" eb="27">
      <t>ツキ</t>
    </rPh>
    <phoneticPr fontId="1"/>
  </si>
  <si>
    <t>○○短期大学
　　　　○○学科</t>
    <rPh sb="2" eb="4">
      <t>タンキ</t>
    </rPh>
    <rPh sb="4" eb="6">
      <t>ダイガク</t>
    </rPh>
    <rPh sb="13" eb="15">
      <t>ガッカ</t>
    </rPh>
    <phoneticPr fontId="1"/>
  </si>
  <si>
    <t>専任講師（乳児保育、障害児保育）担当</t>
    <rPh sb="0" eb="2">
      <t>センニン</t>
    </rPh>
    <rPh sb="2" eb="4">
      <t>コウシ</t>
    </rPh>
    <rPh sb="5" eb="7">
      <t>ニュウジ</t>
    </rPh>
    <rPh sb="7" eb="9">
      <t>ホイク</t>
    </rPh>
    <rPh sb="10" eb="13">
      <t>ショウガイジ</t>
    </rPh>
    <rPh sb="13" eb="15">
      <t>ホイク</t>
    </rPh>
    <rPh sb="16" eb="18">
      <t>タントウ</t>
    </rPh>
    <phoneticPr fontId="1"/>
  </si>
  <si>
    <t>平成○○年○月～
　　　　○○年○月
　　（○○年○月）</t>
    <rPh sb="0" eb="2">
      <t>ヘイセイ</t>
    </rPh>
    <rPh sb="4" eb="5">
      <t>ネン</t>
    </rPh>
    <rPh sb="6" eb="7">
      <t>ツキ</t>
    </rPh>
    <rPh sb="15" eb="16">
      <t>ネン</t>
    </rPh>
    <rPh sb="17" eb="18">
      <t>ツキ</t>
    </rPh>
    <rPh sb="24" eb="25">
      <t>ネン</t>
    </rPh>
    <rPh sb="26" eb="27">
      <t>ツキ</t>
    </rPh>
    <phoneticPr fontId="1"/>
  </si>
  <si>
    <t>○○大学○○学部
　　　　○○学科</t>
    <rPh sb="2" eb="4">
      <t>ダイガク</t>
    </rPh>
    <rPh sb="6" eb="8">
      <t>ガクブ</t>
    </rPh>
    <rPh sb="15" eb="17">
      <t>ガッカ</t>
    </rPh>
    <phoneticPr fontId="1"/>
  </si>
  <si>
    <t>助教授（乳児保育、保育実習）担当</t>
    <rPh sb="0" eb="3">
      <t>ジョキョウジュ</t>
    </rPh>
    <rPh sb="4" eb="6">
      <t>ニュウジ</t>
    </rPh>
    <rPh sb="6" eb="8">
      <t>ホイク</t>
    </rPh>
    <rPh sb="9" eb="11">
      <t>ホイク</t>
    </rPh>
    <rPh sb="11" eb="13">
      <t>ジッシュウ</t>
    </rPh>
    <rPh sb="14" eb="16">
      <t>タントウ</t>
    </rPh>
    <phoneticPr fontId="1"/>
  </si>
  <si>
    <t>保育士資格</t>
    <rPh sb="0" eb="3">
      <t>ホイクシ</t>
    </rPh>
    <rPh sb="3" eb="5">
      <t>シカク</t>
    </rPh>
    <phoneticPr fontId="1"/>
  </si>
  <si>
    <t>○○大学○○学部○○学科</t>
    <rPh sb="2" eb="4">
      <t>ダイガク</t>
    </rPh>
    <rPh sb="6" eb="8">
      <t>ガクブ</t>
    </rPh>
    <rPh sb="10" eb="12">
      <t>ガッカ</t>
    </rPh>
    <phoneticPr fontId="1"/>
  </si>
  <si>
    <t>昭和○○年○月○日</t>
    <rPh sb="0" eb="2">
      <t>ショウワ</t>
    </rPh>
    <rPh sb="4" eb="5">
      <t>ネン</t>
    </rPh>
    <rPh sb="6" eb="7">
      <t>ツキ</t>
    </rPh>
    <rPh sb="8" eb="9">
      <t>ニチ</t>
    </rPh>
    <phoneticPr fontId="1"/>
  </si>
  <si>
    <t>幼稚園教諭一級
普通免許</t>
    <rPh sb="0" eb="3">
      <t>ヨウチエン</t>
    </rPh>
    <rPh sb="3" eb="5">
      <t>キョウユ</t>
    </rPh>
    <rPh sb="5" eb="7">
      <t>イッキュウ</t>
    </rPh>
    <rPh sb="8" eb="10">
      <t>フツウ</t>
    </rPh>
    <rPh sb="10" eb="12">
      <t>メンキョ</t>
    </rPh>
    <phoneticPr fontId="1"/>
  </si>
  <si>
    <t>同上</t>
    <rPh sb="0" eb="2">
      <t>ドウジョウ</t>
    </rPh>
    <phoneticPr fontId="1"/>
  </si>
  <si>
    <t>○○学修士</t>
    <rPh sb="2" eb="3">
      <t>ガク</t>
    </rPh>
    <rPh sb="3" eb="5">
      <t>シュウシ</t>
    </rPh>
    <phoneticPr fontId="1"/>
  </si>
  <si>
    <t>○○大学大学院○○学研究科○○学専攻　修士課程</t>
    <rPh sb="2" eb="4">
      <t>ダイガク</t>
    </rPh>
    <rPh sb="4" eb="6">
      <t>ダイガク</t>
    </rPh>
    <rPh sb="6" eb="7">
      <t>イン</t>
    </rPh>
    <rPh sb="9" eb="10">
      <t>ガク</t>
    </rPh>
    <rPh sb="10" eb="12">
      <t>ケンキュウ</t>
    </rPh>
    <rPh sb="12" eb="13">
      <t>カ</t>
    </rPh>
    <rPh sb="15" eb="16">
      <t>ガク</t>
    </rPh>
    <rPh sb="16" eb="18">
      <t>センコウ</t>
    </rPh>
    <rPh sb="19" eb="21">
      <t>シュウシ</t>
    </rPh>
    <rPh sb="21" eb="23">
      <t>カテイ</t>
    </rPh>
    <phoneticPr fontId="1"/>
  </si>
  <si>
    <t>・「○○に関する研究」（論文）
・「障害児の指導の在り方」（著書）</t>
    <rPh sb="5" eb="6">
      <t>カン</t>
    </rPh>
    <rPh sb="8" eb="10">
      <t>ケンキュウ</t>
    </rPh>
    <rPh sb="12" eb="14">
      <t>ロンブン</t>
    </rPh>
    <rPh sb="18" eb="21">
      <t>ショウガイジ</t>
    </rPh>
    <rPh sb="22" eb="24">
      <t>シドウ</t>
    </rPh>
    <rPh sb="25" eb="26">
      <t>ア</t>
    </rPh>
    <rPh sb="27" eb="28">
      <t>カタ</t>
    </rPh>
    <rPh sb="30" eb="32">
      <t>チョショ</t>
    </rPh>
    <phoneticPr fontId="1"/>
  </si>
  <si>
    <t>昭和○○年○月
昭和○○年○月</t>
    <rPh sb="0" eb="2">
      <t>ショウワ</t>
    </rPh>
    <rPh sb="4" eb="5">
      <t>ネン</t>
    </rPh>
    <rPh sb="6" eb="7">
      <t>ツキ</t>
    </rPh>
    <rPh sb="8" eb="10">
      <t>ショウワ</t>
    </rPh>
    <rPh sb="12" eb="13">
      <t>ネン</t>
    </rPh>
    <rPh sb="14" eb="15">
      <t>ツキ</t>
    </rPh>
    <phoneticPr fontId="1"/>
  </si>
  <si>
    <t>　校舎１号館</t>
    <rPh sb="1" eb="3">
      <t>コウシャ</t>
    </rPh>
    <rPh sb="4" eb="6">
      <t>ゴウカン</t>
    </rPh>
    <phoneticPr fontId="1"/>
  </si>
  <si>
    <t>㎡　</t>
  </si>
  <si>
    <t>　全学科共用</t>
    <rPh sb="1" eb="4">
      <t>ゼンガッカ</t>
    </rPh>
    <rPh sb="4" eb="6">
      <t>キョウヨウ</t>
    </rPh>
    <phoneticPr fontId="1"/>
  </si>
  <si>
    <t>　土地平面図①</t>
    <rPh sb="1" eb="3">
      <t>トチ</t>
    </rPh>
    <rPh sb="3" eb="6">
      <t>ヘイメンズ</t>
    </rPh>
    <phoneticPr fontId="1"/>
  </si>
  <si>
    <t>　校舎２号館</t>
    <rPh sb="1" eb="3">
      <t>コウシャ</t>
    </rPh>
    <rPh sb="4" eb="6">
      <t>ゴウカン</t>
    </rPh>
    <phoneticPr fontId="1"/>
  </si>
  <si>
    <t>　土地平面図②</t>
    <rPh sb="1" eb="3">
      <t>トチ</t>
    </rPh>
    <rPh sb="3" eb="6">
      <t>ヘイメンズ</t>
    </rPh>
    <phoneticPr fontId="1"/>
  </si>
  <si>
    <t>　１０１普通教室</t>
    <rPh sb="4" eb="6">
      <t>フツウ</t>
    </rPh>
    <rPh sb="6" eb="8">
      <t>キョウシツ</t>
    </rPh>
    <phoneticPr fontId="1"/>
  </si>
  <si>
    <t>　１号館１F　平面図①</t>
    <rPh sb="2" eb="4">
      <t>ゴウカン</t>
    </rPh>
    <rPh sb="7" eb="10">
      <t>ヘイメンズ</t>
    </rPh>
    <phoneticPr fontId="1"/>
  </si>
  <si>
    <t>　１０２普通教室</t>
    <rPh sb="4" eb="6">
      <t>フツウ</t>
    </rPh>
    <rPh sb="6" eb="8">
      <t>キョウシツ</t>
    </rPh>
    <phoneticPr fontId="1"/>
  </si>
  <si>
    <t>　１号館１F　平面図②</t>
    <rPh sb="2" eb="4">
      <t>ゴウカン</t>
    </rPh>
    <rPh sb="7" eb="10">
      <t>ヘイメンズ</t>
    </rPh>
    <phoneticPr fontId="1"/>
  </si>
  <si>
    <t>　２０１普通教室</t>
    <rPh sb="4" eb="6">
      <t>フツウ</t>
    </rPh>
    <rPh sb="6" eb="8">
      <t>キョウシツ</t>
    </rPh>
    <phoneticPr fontId="1"/>
  </si>
  <si>
    <t>　１号館２F　平面図①</t>
    <rPh sb="2" eb="4">
      <t>ゴウカン</t>
    </rPh>
    <rPh sb="7" eb="10">
      <t>ヘイメンズ</t>
    </rPh>
    <phoneticPr fontId="1"/>
  </si>
  <si>
    <t>　２０２普通教室</t>
    <rPh sb="4" eb="6">
      <t>フツウ</t>
    </rPh>
    <rPh sb="6" eb="8">
      <t>キョウシツ</t>
    </rPh>
    <phoneticPr fontId="1"/>
  </si>
  <si>
    <t>　１号館２F　平面図②</t>
    <rPh sb="2" eb="4">
      <t>ゴウカン</t>
    </rPh>
    <rPh sb="7" eb="10">
      <t>ヘイメンズ</t>
    </rPh>
    <phoneticPr fontId="1"/>
  </si>
  <si>
    <t>　演習室Ａ ・ Ｂ</t>
    <rPh sb="1" eb="3">
      <t>エンシュウ</t>
    </rPh>
    <rPh sb="3" eb="4">
      <t>シツ</t>
    </rPh>
    <phoneticPr fontId="1"/>
  </si>
  <si>
    <t>㎡×２　</t>
  </si>
  <si>
    <t>　１号館１F平面図③④</t>
    <rPh sb="2" eb="4">
      <t>ゴウカン</t>
    </rPh>
    <rPh sb="6" eb="9">
      <t>ヘイメンズ</t>
    </rPh>
    <phoneticPr fontId="1"/>
  </si>
  <si>
    <t>　保健実習室</t>
    <rPh sb="1" eb="3">
      <t>ホケン</t>
    </rPh>
    <rPh sb="3" eb="6">
      <t>ジッシュウシツ</t>
    </rPh>
    <phoneticPr fontId="1"/>
  </si>
  <si>
    <t>　１号館１F　平面図⑤</t>
    <rPh sb="2" eb="4">
      <t>ゴウカン</t>
    </rPh>
    <rPh sb="7" eb="10">
      <t>ヘイメンズ</t>
    </rPh>
    <phoneticPr fontId="1"/>
  </si>
  <si>
    <t>　図書室</t>
    <rPh sb="1" eb="4">
      <t>トショシツ</t>
    </rPh>
    <phoneticPr fontId="1"/>
  </si>
  <si>
    <t>　２号館１F　図書室</t>
    <rPh sb="2" eb="4">
      <t>ゴウカン</t>
    </rPh>
    <rPh sb="7" eb="10">
      <t>トショシツ</t>
    </rPh>
    <phoneticPr fontId="1"/>
  </si>
  <si>
    <t>　保健室</t>
    <rPh sb="1" eb="4">
      <t>ホケンシツ</t>
    </rPh>
    <phoneticPr fontId="1"/>
  </si>
  <si>
    <t>　１号館１F　保健室</t>
    <rPh sb="2" eb="4">
      <t>ゴウカン</t>
    </rPh>
    <rPh sb="7" eb="10">
      <t>ホケンシツ</t>
    </rPh>
    <phoneticPr fontId="1"/>
  </si>
  <si>
    <t>　研究室１～３</t>
    <rPh sb="1" eb="4">
      <t>ケンキュウシツ</t>
    </rPh>
    <phoneticPr fontId="1"/>
  </si>
  <si>
    <t>㎡×３　</t>
  </si>
  <si>
    <t>　１号館４F　平面図①～③</t>
    <rPh sb="2" eb="4">
      <t>ゴウカン</t>
    </rPh>
    <rPh sb="7" eb="10">
      <t>ヘイメンズ</t>
    </rPh>
    <phoneticPr fontId="1"/>
  </si>
  <si>
    <t>　研究室４～６</t>
    <rPh sb="1" eb="4">
      <t>ケンキュウシツ</t>
    </rPh>
    <phoneticPr fontId="1"/>
  </si>
  <si>
    <t>　１号館４F　平面図④～⑥</t>
    <rPh sb="2" eb="4">
      <t>ゴウカン</t>
    </rPh>
    <rPh sb="7" eb="10">
      <t>ヘイメンズ</t>
    </rPh>
    <phoneticPr fontId="1"/>
  </si>
  <si>
    <t>　ピアノ練習室 1-10</t>
    <rPh sb="4" eb="7">
      <t>レンシュウシツ</t>
    </rPh>
    <phoneticPr fontId="1"/>
  </si>
  <si>
    <t>㎡×10　</t>
  </si>
  <si>
    <t>　２号館２F　平面図①～⑩</t>
    <rPh sb="2" eb="4">
      <t>ゴウカン</t>
    </rPh>
    <rPh sb="7" eb="10">
      <t>ヘイメンズ</t>
    </rPh>
    <phoneticPr fontId="1"/>
  </si>
  <si>
    <t>　ピアノ練習室11-20</t>
    <rPh sb="4" eb="7">
      <t>レンシュウシツ</t>
    </rPh>
    <phoneticPr fontId="1"/>
  </si>
  <si>
    <t>　２号館３F　平面図①～⑩</t>
    <rPh sb="2" eb="4">
      <t>ゴウカン</t>
    </rPh>
    <rPh sb="7" eb="10">
      <t>ヘイメンズ</t>
    </rPh>
    <phoneticPr fontId="1"/>
  </si>
  <si>
    <t>…</t>
  </si>
  <si>
    <t>教室１、教室２、教室３</t>
    <rPh sb="0" eb="2">
      <t>キョウシツ</t>
    </rPh>
    <rPh sb="4" eb="6">
      <t>キョウシツ</t>
    </rPh>
    <rPh sb="8" eb="10">
      <t>キョウシツ</t>
    </rPh>
    <phoneticPr fontId="1"/>
  </si>
  <si>
    <t>机（○）、椅子（○）、教卓（○）</t>
    <rPh sb="0" eb="1">
      <t>ツクエ</t>
    </rPh>
    <rPh sb="5" eb="7">
      <t>イス</t>
    </rPh>
    <rPh sb="11" eb="13">
      <t>キョウタク</t>
    </rPh>
    <phoneticPr fontId="1"/>
  </si>
  <si>
    <t>３セット</t>
    <phoneticPr fontId="1"/>
  </si>
  <si>
    <t>保育所</t>
    <rPh sb="0" eb="2">
      <t>ホイク</t>
    </rPh>
    <rPh sb="2" eb="3">
      <t>ショ</t>
    </rPh>
    <phoneticPr fontId="1"/>
  </si>
  <si>
    <t>○○保育園</t>
    <rPh sb="2" eb="4">
      <t>ホイク</t>
    </rPh>
    <rPh sb="4" eb="5">
      <t>エン</t>
    </rPh>
    <phoneticPr fontId="1"/>
  </si>
  <si>
    <t>○○県○○市○○町～</t>
    <rPh sb="2" eb="3">
      <t>ケン</t>
    </rPh>
    <rPh sb="5" eb="6">
      <t>シ</t>
    </rPh>
    <rPh sb="8" eb="9">
      <t>マチ</t>
    </rPh>
    <phoneticPr fontId="1"/>
  </si>
  <si>
    <t>30名</t>
    <rPh sb="2" eb="3">
      <t>メイ</t>
    </rPh>
    <phoneticPr fontId="1"/>
  </si>
  <si>
    <t>△△保育園</t>
    <rPh sb="2" eb="5">
      <t>ホイクエン</t>
    </rPh>
    <phoneticPr fontId="1"/>
  </si>
  <si>
    <t>△△県△△市△△町～</t>
    <rPh sb="2" eb="3">
      <t>ケン</t>
    </rPh>
    <rPh sb="5" eb="6">
      <t>シ</t>
    </rPh>
    <rPh sb="8" eb="9">
      <t>マチ</t>
    </rPh>
    <phoneticPr fontId="1"/>
  </si>
  <si>
    <t>40名</t>
    <rPh sb="2" eb="3">
      <t>メイ</t>
    </rPh>
    <phoneticPr fontId="1"/>
  </si>
  <si>
    <t>・・・</t>
  </si>
  <si>
    <t>・</t>
  </si>
  <si>
    <t>（注３）教員が追加・変更となる場合に記入すること。</t>
    <rPh sb="1" eb="2">
      <t>チュウ</t>
    </rPh>
    <phoneticPr fontId="1"/>
  </si>
  <si>
    <t>（注４）頁番号は、教員調書の右上に記載されている「№　　」と同じ番号を記入すること。</t>
    <phoneticPr fontId="1"/>
  </si>
  <si>
    <t>（様式１）</t>
    <rPh sb="1" eb="3">
      <t>ヨウシキ</t>
    </rPh>
    <phoneticPr fontId="1"/>
  </si>
  <si>
    <t>平成○○年○月○日</t>
    <rPh sb="0" eb="2">
      <t>ヘイセイ</t>
    </rPh>
    <rPh sb="4" eb="5">
      <t>ネン</t>
    </rPh>
    <rPh sb="6" eb="7">
      <t>ツキ</t>
    </rPh>
    <rPh sb="8" eb="9">
      <t>ニチ</t>
    </rPh>
    <phoneticPr fontId="1"/>
  </si>
  <si>
    <t>10　授業概要</t>
    <rPh sb="3" eb="7">
      <t>ジュギョウガイヨウ</t>
    </rPh>
    <phoneticPr fontId="1"/>
  </si>
  <si>
    <t>　・授業の種類 ・授業担当者 ・授業回数 ・単位数（時間数）</t>
    <rPh sb="26" eb="29">
      <t>ジカンスウ</t>
    </rPh>
    <phoneticPr fontId="1"/>
  </si>
  <si>
    <t>指定保育士養成施設記載事項変更に係る計画書</t>
    <rPh sb="0" eb="2">
      <t>シテイ</t>
    </rPh>
    <rPh sb="2" eb="5">
      <t>ホイクシ</t>
    </rPh>
    <rPh sb="5" eb="7">
      <t>ヨウセイ</t>
    </rPh>
    <rPh sb="7" eb="9">
      <t>シセツ</t>
    </rPh>
    <rPh sb="9" eb="11">
      <t>キサイ</t>
    </rPh>
    <rPh sb="11" eb="13">
      <t>ジコウ</t>
    </rPh>
    <rPh sb="13" eb="15">
      <t>ヘンコウ</t>
    </rPh>
    <rPh sb="16" eb="17">
      <t>カカ</t>
    </rPh>
    <rPh sb="18" eb="20">
      <t>ケイカク</t>
    </rPh>
    <rPh sb="20" eb="21">
      <t>ショ</t>
    </rPh>
    <phoneticPr fontId="1"/>
  </si>
  <si>
    <t>指定保育士養成施設記載事項変更に係る申請書</t>
    <rPh sb="0" eb="2">
      <t>シテイ</t>
    </rPh>
    <rPh sb="2" eb="5">
      <t>ホイクシ</t>
    </rPh>
    <rPh sb="5" eb="7">
      <t>ヨウセイ</t>
    </rPh>
    <rPh sb="7" eb="9">
      <t>シセツ</t>
    </rPh>
    <rPh sb="9" eb="11">
      <t>キサイ</t>
    </rPh>
    <rPh sb="11" eb="13">
      <t>ジコウ</t>
    </rPh>
    <rPh sb="13" eb="15">
      <t>ヘンコウ</t>
    </rPh>
    <rPh sb="16" eb="17">
      <t>カカ</t>
    </rPh>
    <rPh sb="18" eb="20">
      <t>シンセイ</t>
    </rPh>
    <rPh sb="20" eb="21">
      <t>ショ</t>
    </rPh>
    <phoneticPr fontId="1"/>
  </si>
  <si>
    <t>　　指定保育士養成施設定員変更計画書</t>
    <rPh sb="2" eb="4">
      <t>シテイ</t>
    </rPh>
    <rPh sb="4" eb="7">
      <t>ホイクシ</t>
    </rPh>
    <rPh sb="7" eb="9">
      <t>ヨウセイ</t>
    </rPh>
    <rPh sb="9" eb="11">
      <t>シセツ</t>
    </rPh>
    <rPh sb="11" eb="13">
      <t>テイイン</t>
    </rPh>
    <rPh sb="13" eb="15">
      <t>ヘンコウ</t>
    </rPh>
    <rPh sb="15" eb="17">
      <t>ケイカク</t>
    </rPh>
    <rPh sb="17" eb="18">
      <t>ショ</t>
    </rPh>
    <phoneticPr fontId="1"/>
  </si>
  <si>
    <t>担当予定科目に関する主な研究発表又は論文、その他業績・・　　　　</t>
    <rPh sb="0" eb="2">
      <t>タントウ</t>
    </rPh>
    <rPh sb="2" eb="4">
      <t>ヨテイ</t>
    </rPh>
    <rPh sb="4" eb="6">
      <t>カモク</t>
    </rPh>
    <rPh sb="7" eb="8">
      <t>カン</t>
    </rPh>
    <rPh sb="10" eb="11">
      <t>オモ</t>
    </rPh>
    <rPh sb="12" eb="14">
      <t>ケンキュウ</t>
    </rPh>
    <rPh sb="14" eb="16">
      <t>ハッピョウ</t>
    </rPh>
    <rPh sb="16" eb="17">
      <t>マタ</t>
    </rPh>
    <rPh sb="18" eb="20">
      <t>ロンブン</t>
    </rPh>
    <rPh sb="23" eb="24">
      <t>タ</t>
    </rPh>
    <rPh sb="24" eb="26">
      <t>ギョウセキ</t>
    </rPh>
    <phoneticPr fontId="1"/>
  </si>
  <si>
    <t>当該養成施設における教科目の開設状況等（旧）</t>
    <rPh sb="0" eb="2">
      <t>トウガイ</t>
    </rPh>
    <rPh sb="2" eb="4">
      <t>ヨウセイ</t>
    </rPh>
    <rPh sb="4" eb="6">
      <t>シセツ</t>
    </rPh>
    <rPh sb="10" eb="12">
      <t>キョウカ</t>
    </rPh>
    <rPh sb="12" eb="13">
      <t>モク</t>
    </rPh>
    <rPh sb="14" eb="16">
      <t>カイセツ</t>
    </rPh>
    <rPh sb="16" eb="18">
      <t>ジョウキョウ</t>
    </rPh>
    <rPh sb="18" eb="19">
      <t>トウ</t>
    </rPh>
    <rPh sb="20" eb="21">
      <t>キュウ</t>
    </rPh>
    <phoneticPr fontId="6"/>
  </si>
  <si>
    <t>当該養成施設における教科目の開設状況等（新）</t>
    <rPh sb="0" eb="2">
      <t>トウガイ</t>
    </rPh>
    <rPh sb="2" eb="4">
      <t>ヨウセイ</t>
    </rPh>
    <rPh sb="4" eb="6">
      <t>シセツ</t>
    </rPh>
    <rPh sb="10" eb="12">
      <t>キョウカ</t>
    </rPh>
    <rPh sb="12" eb="13">
      <t>モク</t>
    </rPh>
    <rPh sb="14" eb="16">
      <t>カイセツ</t>
    </rPh>
    <rPh sb="16" eb="18">
      <t>ジョウキョウ</t>
    </rPh>
    <rPh sb="18" eb="19">
      <t>トウ</t>
    </rPh>
    <rPh sb="20" eb="21">
      <t>シン</t>
    </rPh>
    <phoneticPr fontId="6"/>
  </si>
  <si>
    <t>(注)１　告示等に定める教科目のうち、２科目以上を合わせて１科目として開設してある場合における単位数欄の記入方法は以下のとおり。　</t>
    <rPh sb="1" eb="2">
      <t>チュウ</t>
    </rPh>
    <rPh sb="5" eb="7">
      <t>コクジ</t>
    </rPh>
    <rPh sb="7" eb="8">
      <t>ナド</t>
    </rPh>
    <rPh sb="9" eb="10">
      <t>サダ</t>
    </rPh>
    <rPh sb="12" eb="15">
      <t>キョウカモク</t>
    </rPh>
    <rPh sb="20" eb="22">
      <t>カモク</t>
    </rPh>
    <rPh sb="22" eb="24">
      <t>イジョウ</t>
    </rPh>
    <rPh sb="25" eb="26">
      <t>ア</t>
    </rPh>
    <rPh sb="30" eb="32">
      <t>カモク</t>
    </rPh>
    <rPh sb="35" eb="37">
      <t>カイセツ</t>
    </rPh>
    <rPh sb="41" eb="43">
      <t>バアイ</t>
    </rPh>
    <rPh sb="47" eb="50">
      <t>タンイスウ</t>
    </rPh>
    <rPh sb="50" eb="51">
      <t>ラン</t>
    </rPh>
    <rPh sb="52" eb="54">
      <t>キニュウ</t>
    </rPh>
    <rPh sb="54" eb="56">
      <t>ホウホウ</t>
    </rPh>
    <rPh sb="57" eb="59">
      <t>イカ</t>
    </rPh>
    <phoneticPr fontId="8"/>
  </si>
  <si>
    <t>　　　　　　　　　（例）「保育原理」と「保育者論」を合わせて「保育原理（４単位）」として開設してある場合</t>
    <rPh sb="10" eb="11">
      <t>タト</t>
    </rPh>
    <rPh sb="13" eb="15">
      <t>ホイク</t>
    </rPh>
    <rPh sb="15" eb="17">
      <t>ゲンリ</t>
    </rPh>
    <rPh sb="20" eb="23">
      <t>ホイクシャ</t>
    </rPh>
    <rPh sb="23" eb="24">
      <t>ロン</t>
    </rPh>
    <rPh sb="26" eb="27">
      <t>ア</t>
    </rPh>
    <rPh sb="31" eb="33">
      <t>ホイク</t>
    </rPh>
    <rPh sb="33" eb="35">
      <t>ゲンリ</t>
    </rPh>
    <rPh sb="37" eb="39">
      <t>タンイ</t>
    </rPh>
    <rPh sb="44" eb="46">
      <t>カイセツ</t>
    </rPh>
    <rPh sb="50" eb="52">
      <t>バアイ</t>
    </rPh>
    <phoneticPr fontId="8"/>
  </si>
  <si>
    <t>　　２　その他、告示と異なった学校独自の取扱いをしている場合は、備考欄にその内容を記入すること。</t>
    <rPh sb="6" eb="7">
      <t>タ</t>
    </rPh>
    <rPh sb="8" eb="10">
      <t>コクジ</t>
    </rPh>
    <rPh sb="11" eb="12">
      <t>コト</t>
    </rPh>
    <rPh sb="15" eb="17">
      <t>ガッコウ</t>
    </rPh>
    <rPh sb="17" eb="19">
      <t>ドクジ</t>
    </rPh>
    <rPh sb="20" eb="22">
      <t>トリアツカイ</t>
    </rPh>
    <rPh sb="28" eb="30">
      <t>バアイ</t>
    </rPh>
    <rPh sb="32" eb="35">
      <t>ビコウラン</t>
    </rPh>
    <rPh sb="38" eb="40">
      <t>ナイヨウ</t>
    </rPh>
    <rPh sb="41" eb="43">
      <t>キニュウ</t>
    </rPh>
    <phoneticPr fontId="8"/>
  </si>
  <si>
    <t>告示別表第１による教科目</t>
    <rPh sb="0" eb="2">
      <t>コクジ</t>
    </rPh>
    <rPh sb="2" eb="4">
      <t>ベッピョウ</t>
    </rPh>
    <rPh sb="4" eb="5">
      <t>ダイ</t>
    </rPh>
    <rPh sb="9" eb="12">
      <t>キョウカモク</t>
    </rPh>
    <phoneticPr fontId="6"/>
  </si>
  <si>
    <t>別表第２による教科目</t>
    <rPh sb="0" eb="2">
      <t>ベッピョウ</t>
    </rPh>
    <rPh sb="2" eb="3">
      <t>ダイ</t>
    </rPh>
    <rPh sb="7" eb="10">
      <t>キョウカモク</t>
    </rPh>
    <phoneticPr fontId="6"/>
  </si>
  <si>
    <r>
      <t>実習種別：</t>
    </r>
    <r>
      <rPr>
        <sz val="12"/>
        <color rgb="FF0070C0"/>
        <rFont val="ＭＳ 明朝"/>
        <family val="1"/>
        <charset val="128"/>
      </rPr>
      <t>保育実習Ⅰ（保育所）</t>
    </r>
    <rPh sb="0" eb="2">
      <t>ジッシュウ</t>
    </rPh>
    <rPh sb="2" eb="4">
      <t>シュベツ</t>
    </rPh>
    <rPh sb="5" eb="7">
      <t>ホイク</t>
    </rPh>
    <rPh sb="7" eb="9">
      <t>ジッシュウ</t>
    </rPh>
    <rPh sb="11" eb="13">
      <t>ホイク</t>
    </rPh>
    <rPh sb="13" eb="14">
      <t>ジョ</t>
    </rPh>
    <phoneticPr fontId="1"/>
  </si>
  <si>
    <r>
      <t>　下記施設は</t>
    </r>
    <r>
      <rPr>
        <u/>
        <sz val="12"/>
        <rFont val="ＭＳ 明朝"/>
        <family val="1"/>
        <charset val="128"/>
      </rPr>
      <t>、○○大学○○学部○○学科</t>
    </r>
    <r>
      <rPr>
        <sz val="12"/>
        <rFont val="ＭＳ 明朝"/>
        <family val="1"/>
        <charset val="128"/>
      </rPr>
      <t>が指定保育士養成施設として定員変更の承認がされた際には、実習施設として実習生を受け入れることを承諾いたします。</t>
    </r>
    <rPh sb="1" eb="3">
      <t>カキ</t>
    </rPh>
    <rPh sb="3" eb="5">
      <t>シセツ</t>
    </rPh>
    <rPh sb="9" eb="11">
      <t>ダイガク</t>
    </rPh>
    <rPh sb="13" eb="15">
      <t>ガクブ</t>
    </rPh>
    <rPh sb="17" eb="19">
      <t>ガッカ</t>
    </rPh>
    <rPh sb="20" eb="22">
      <t>シテイ</t>
    </rPh>
    <rPh sb="22" eb="25">
      <t>ホイクシ</t>
    </rPh>
    <rPh sb="25" eb="27">
      <t>ヨウセイ</t>
    </rPh>
    <rPh sb="27" eb="29">
      <t>シセツ</t>
    </rPh>
    <rPh sb="32" eb="34">
      <t>テイイン</t>
    </rPh>
    <rPh sb="34" eb="36">
      <t>ヘンコウ</t>
    </rPh>
    <rPh sb="37" eb="39">
      <t>ショウニン</t>
    </rPh>
    <rPh sb="43" eb="44">
      <t>サイ</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0" x14ac:knownFonts="1">
    <font>
      <sz val="12"/>
      <name val="ＭＳ 明朝"/>
      <family val="1"/>
      <charset val="128"/>
    </font>
    <font>
      <sz val="6"/>
      <name val="ＭＳ 明朝"/>
      <family val="1"/>
      <charset val="128"/>
    </font>
    <font>
      <sz val="11"/>
      <name val="ＭＳ 明朝"/>
      <family val="1"/>
      <charset val="128"/>
    </font>
    <font>
      <b/>
      <sz val="14"/>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14"/>
      <name val="ＭＳ Ｐ明朝"/>
      <family val="1"/>
      <charset val="128"/>
    </font>
    <font>
      <sz val="9"/>
      <name val="ＭＳ 明朝"/>
      <family val="1"/>
      <charset val="128"/>
    </font>
    <font>
      <sz val="10"/>
      <name val="ＭＳ Ｐゴシック"/>
      <family val="3"/>
      <charset val="128"/>
    </font>
    <font>
      <sz val="10"/>
      <name val="ＭＳ Ｐ明朝"/>
      <family val="1"/>
      <charset val="128"/>
    </font>
    <font>
      <sz val="9"/>
      <name val="ＭＳ Ｐ明朝"/>
      <family val="1"/>
      <charset val="128"/>
    </font>
    <font>
      <sz val="12"/>
      <name val="ＭＳ Ｐゴシック"/>
      <family val="3"/>
      <charset val="128"/>
    </font>
    <font>
      <sz val="9"/>
      <name val="ＭＳ Ｐゴシック"/>
      <family val="3"/>
      <charset val="128"/>
    </font>
    <font>
      <sz val="8"/>
      <name val="ＭＳ Ｐゴシック"/>
      <family val="3"/>
      <charset val="128"/>
    </font>
    <font>
      <sz val="12"/>
      <name val="HGPｺﾞｼｯｸM"/>
      <family val="3"/>
      <charset val="128"/>
    </font>
    <font>
      <sz val="16"/>
      <name val="HGPｺﾞｼｯｸM"/>
      <family val="3"/>
      <charset val="128"/>
    </font>
    <font>
      <sz val="12"/>
      <name val="HGSｺﾞｼｯｸM"/>
      <family val="3"/>
      <charset val="128"/>
    </font>
    <font>
      <u/>
      <sz val="12"/>
      <name val="HGSｺﾞｼｯｸM"/>
      <family val="3"/>
      <charset val="128"/>
    </font>
    <font>
      <sz val="11"/>
      <name val="HGSｺﾞｼｯｸM"/>
      <family val="3"/>
      <charset val="128"/>
    </font>
    <font>
      <u/>
      <sz val="10"/>
      <name val="HGSｺﾞｼｯｸM"/>
      <family val="3"/>
      <charset val="128"/>
    </font>
    <font>
      <sz val="10"/>
      <name val="HGSｺﾞｼｯｸM"/>
      <family val="3"/>
      <charset val="128"/>
    </font>
    <font>
      <sz val="14"/>
      <name val="HGSｺﾞｼｯｸM"/>
      <family val="3"/>
      <charset val="128"/>
    </font>
    <font>
      <sz val="9"/>
      <name val="HGSｺﾞｼｯｸM"/>
      <family val="3"/>
      <charset val="128"/>
    </font>
    <font>
      <b/>
      <sz val="16"/>
      <name val="HGSｺﾞｼｯｸM"/>
      <family val="3"/>
      <charset val="128"/>
    </font>
    <font>
      <u/>
      <sz val="12"/>
      <name val="HGPｺﾞｼｯｸM"/>
      <family val="3"/>
      <charset val="128"/>
    </font>
    <font>
      <u/>
      <sz val="10"/>
      <name val="ＭＳ Ｐ明朝"/>
      <family val="1"/>
      <charset val="128"/>
    </font>
    <font>
      <sz val="14"/>
      <name val="ＭＳ 明朝"/>
      <family val="1"/>
      <charset val="128"/>
    </font>
    <font>
      <u/>
      <sz val="12"/>
      <name val="ＭＳ 明朝"/>
      <family val="1"/>
      <charset val="128"/>
    </font>
    <font>
      <sz val="18"/>
      <name val="ＭＳ 明朝"/>
      <family val="1"/>
      <charset val="128"/>
    </font>
    <font>
      <sz val="10.5"/>
      <name val="ＭＳ 明朝"/>
      <family val="1"/>
      <charset val="128"/>
    </font>
    <font>
      <sz val="12"/>
      <color rgb="FF0070C0"/>
      <name val="ＭＳ 明朝"/>
      <family val="1"/>
      <charset val="128"/>
    </font>
    <font>
      <sz val="12"/>
      <color rgb="FFFF0000"/>
      <name val="HGPｺﾞｼｯｸM"/>
      <family val="3"/>
      <charset val="128"/>
    </font>
    <font>
      <sz val="12"/>
      <name val="ＭＳ 明朝"/>
      <family val="1"/>
      <charset val="128"/>
    </font>
    <font>
      <sz val="11"/>
      <name val="HGPｺﾞｼｯｸM"/>
      <family val="3"/>
      <charset val="128"/>
    </font>
    <font>
      <sz val="11"/>
      <color rgb="FF0070C0"/>
      <name val="ＭＳ Ｐゴシック"/>
      <family val="3"/>
      <charset val="128"/>
    </font>
    <font>
      <sz val="11"/>
      <color rgb="FF0070C0"/>
      <name val="ＭＳ 明朝"/>
      <family val="1"/>
      <charset val="128"/>
    </font>
    <font>
      <sz val="10"/>
      <color rgb="FF0070C0"/>
      <name val="HGSｺﾞｼｯｸM"/>
      <family val="3"/>
      <charset val="128"/>
    </font>
    <font>
      <sz val="9"/>
      <color rgb="FF0070C0"/>
      <name val="HGSｺﾞｼｯｸM"/>
      <family val="3"/>
      <charset val="128"/>
    </font>
    <font>
      <sz val="10"/>
      <name val="ＭＳ 明朝"/>
      <family val="1"/>
      <charset val="128"/>
    </font>
    <font>
      <sz val="7"/>
      <name val="ＭＳ Ｐゴシック"/>
      <family val="3"/>
      <charset val="128"/>
    </font>
    <font>
      <sz val="5.5"/>
      <name val="ＭＳ Ｐゴシック"/>
      <family val="3"/>
      <charset val="128"/>
    </font>
    <font>
      <sz val="14"/>
      <name val="HGPｺﾞｼｯｸM"/>
      <family val="3"/>
      <charset val="128"/>
    </font>
    <font>
      <sz val="10"/>
      <name val="HGPｺﾞｼｯｸM"/>
      <family val="3"/>
      <charset val="128"/>
    </font>
    <font>
      <sz val="12"/>
      <color rgb="FF0070C0"/>
      <name val="HGPｺﾞｼｯｸM"/>
      <family val="3"/>
      <charset val="128"/>
    </font>
    <font>
      <sz val="10"/>
      <color rgb="FF0070C0"/>
      <name val="HGPｺﾞｼｯｸM"/>
      <family val="3"/>
      <charset val="128"/>
    </font>
    <font>
      <sz val="12"/>
      <color rgb="FF0070C0"/>
      <name val="ＭＳ Ｐゴシック"/>
      <family val="3"/>
      <charset val="128"/>
    </font>
    <font>
      <sz val="12"/>
      <name val="ＭＳ ゴシック"/>
      <family val="3"/>
      <charset val="128"/>
    </font>
    <font>
      <sz val="16"/>
      <name val="ＭＳ ゴシック"/>
      <family val="3"/>
      <charset val="128"/>
    </font>
    <font>
      <sz val="10"/>
      <name val="ＭＳ ゴシック"/>
      <family val="3"/>
      <charset val="128"/>
    </font>
  </fonts>
  <fills count="4">
    <fill>
      <patternFill patternType="none"/>
    </fill>
    <fill>
      <patternFill patternType="gray125"/>
    </fill>
    <fill>
      <patternFill patternType="solid">
        <fgColor indexed="9"/>
        <bgColor indexed="64"/>
      </patternFill>
    </fill>
    <fill>
      <patternFill patternType="solid">
        <fgColor theme="0"/>
        <bgColor indexed="64"/>
      </patternFill>
    </fill>
  </fills>
  <borders count="80">
    <border>
      <left/>
      <right/>
      <top/>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medium">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top/>
      <bottom/>
      <diagonal/>
    </border>
    <border>
      <left style="thin">
        <color indexed="64"/>
      </left>
      <right style="thin">
        <color indexed="64"/>
      </right>
      <top style="double">
        <color indexed="64"/>
      </top>
      <bottom/>
      <diagonal/>
    </border>
    <border>
      <left style="thin">
        <color indexed="64"/>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double">
        <color indexed="64"/>
      </bottom>
      <diagonal/>
    </border>
    <border>
      <left style="thin">
        <color indexed="64"/>
      </left>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top style="medium">
        <color indexed="64"/>
      </top>
      <bottom style="medium">
        <color indexed="64"/>
      </bottom>
      <diagonal/>
    </border>
    <border>
      <left/>
      <right style="thin">
        <color indexed="64"/>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right/>
      <top style="thin">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diagonal/>
    </border>
    <border>
      <left/>
      <right style="medium">
        <color indexed="64"/>
      </right>
      <top/>
      <bottom style="thin">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medium">
        <color indexed="64"/>
      </right>
      <top style="thin">
        <color indexed="64"/>
      </top>
      <bottom style="thin">
        <color indexed="64"/>
      </bottom>
      <diagonal/>
    </border>
    <border>
      <left style="thin">
        <color indexed="64"/>
      </left>
      <right style="thin">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s>
  <cellStyleXfs count="7">
    <xf numFmtId="0" fontId="0" fillId="0" borderId="0">
      <alignment vertical="center"/>
    </xf>
    <xf numFmtId="0" fontId="4" fillId="0" borderId="0">
      <alignment vertical="center"/>
    </xf>
    <xf numFmtId="0" fontId="4" fillId="0" borderId="0"/>
    <xf numFmtId="0" fontId="4" fillId="0" borderId="0"/>
    <xf numFmtId="0" fontId="4" fillId="0" borderId="0"/>
    <xf numFmtId="0" fontId="4" fillId="0" borderId="0"/>
    <xf numFmtId="9" fontId="33" fillId="0" borderId="0" applyFont="0" applyFill="0" applyBorder="0" applyAlignment="0" applyProtection="0">
      <alignment vertical="center"/>
    </xf>
  </cellStyleXfs>
  <cellXfs count="846">
    <xf numFmtId="0" fontId="0" fillId="0" borderId="0" xfId="0">
      <alignment vertical="center"/>
    </xf>
    <xf numFmtId="0" fontId="4" fillId="0" borderId="0" xfId="0" applyFont="1">
      <alignment vertical="center"/>
    </xf>
    <xf numFmtId="49" fontId="4" fillId="0" borderId="0" xfId="0" applyNumberFormat="1" applyFont="1">
      <alignment vertical="center"/>
    </xf>
    <xf numFmtId="56" fontId="4" fillId="0" borderId="0" xfId="0" applyNumberFormat="1" applyFont="1">
      <alignment vertical="center"/>
    </xf>
    <xf numFmtId="0" fontId="10" fillId="0" borderId="3" xfId="1" applyFont="1" applyBorder="1" applyAlignment="1">
      <alignment vertical="center" shrinkToFit="1"/>
    </xf>
    <xf numFmtId="0" fontId="10" fillId="0" borderId="0" xfId="5" applyFont="1"/>
    <xf numFmtId="0" fontId="11" fillId="0" borderId="0" xfId="5" applyFont="1"/>
    <xf numFmtId="0" fontId="9" fillId="0" borderId="0" xfId="1" applyFont="1">
      <alignment vertical="center"/>
    </xf>
    <xf numFmtId="0" fontId="12" fillId="0" borderId="0" xfId="0" applyFont="1" applyAlignment="1">
      <alignment vertical="center" shrinkToFit="1"/>
    </xf>
    <xf numFmtId="0" fontId="12" fillId="0" borderId="0" xfId="1" applyFont="1" applyBorder="1" applyAlignment="1">
      <alignment vertical="center" shrinkToFit="1"/>
    </xf>
    <xf numFmtId="0" fontId="12" fillId="0" borderId="0" xfId="1" applyFont="1" applyAlignment="1">
      <alignment vertical="center" shrinkToFit="1"/>
    </xf>
    <xf numFmtId="0" fontId="9" fillId="0" borderId="0" xfId="1" applyFont="1" applyAlignment="1">
      <alignment vertical="center"/>
    </xf>
    <xf numFmtId="0" fontId="12" fillId="0" borderId="0" xfId="1" applyFont="1" applyAlignment="1">
      <alignment vertical="center"/>
    </xf>
    <xf numFmtId="0" fontId="9" fillId="0" borderId="0" xfId="1" applyFont="1" applyBorder="1" applyAlignment="1">
      <alignment vertical="center" shrinkToFit="1"/>
    </xf>
    <xf numFmtId="0" fontId="9" fillId="0" borderId="0" xfId="1" applyFont="1" applyBorder="1" applyAlignment="1">
      <alignment vertical="center"/>
    </xf>
    <xf numFmtId="0" fontId="9" fillId="0" borderId="0" xfId="1" applyFont="1" applyAlignment="1">
      <alignment vertical="center" shrinkToFit="1"/>
    </xf>
    <xf numFmtId="0" fontId="13" fillId="0" borderId="0" xfId="1" applyFont="1" applyBorder="1" applyAlignment="1">
      <alignment vertical="center" shrinkToFit="1"/>
    </xf>
    <xf numFmtId="0" fontId="13" fillId="0" borderId="0" xfId="1" applyFont="1" applyAlignment="1">
      <alignment vertical="center"/>
    </xf>
    <xf numFmtId="0" fontId="13" fillId="0" borderId="0" xfId="1" applyFont="1" applyAlignment="1">
      <alignment vertical="center" shrinkToFit="1"/>
    </xf>
    <xf numFmtId="0" fontId="13" fillId="0" borderId="1" xfId="1" applyFont="1" applyBorder="1" applyAlignment="1">
      <alignment vertical="center" shrinkToFit="1"/>
    </xf>
    <xf numFmtId="0" fontId="13" fillId="0" borderId="6" xfId="1" applyFont="1" applyBorder="1" applyAlignment="1">
      <alignment vertical="center" shrinkToFit="1"/>
    </xf>
    <xf numFmtId="0" fontId="13" fillId="0" borderId="7" xfId="1" applyFont="1" applyBorder="1" applyAlignment="1">
      <alignment vertical="center" shrinkToFit="1"/>
    </xf>
    <xf numFmtId="0" fontId="13" fillId="0" borderId="8" xfId="1" applyFont="1" applyBorder="1" applyAlignment="1">
      <alignment vertical="center" shrinkToFit="1"/>
    </xf>
    <xf numFmtId="0" fontId="13" fillId="0" borderId="9" xfId="1" applyFont="1" applyBorder="1" applyAlignment="1">
      <alignment vertical="center" shrinkToFit="1"/>
    </xf>
    <xf numFmtId="0" fontId="13" fillId="0" borderId="10" xfId="1" applyFont="1" applyBorder="1" applyAlignment="1">
      <alignment vertical="center" shrinkToFit="1"/>
    </xf>
    <xf numFmtId="0" fontId="13" fillId="0" borderId="11" xfId="1" applyFont="1" applyBorder="1" applyAlignment="1">
      <alignment vertical="center" shrinkToFit="1"/>
    </xf>
    <xf numFmtId="0" fontId="13" fillId="0" borderId="12" xfId="1" applyFont="1" applyBorder="1" applyAlignment="1">
      <alignment vertical="center" shrinkToFit="1"/>
    </xf>
    <xf numFmtId="0" fontId="13" fillId="0" borderId="13" xfId="1" applyFont="1" applyBorder="1" applyAlignment="1">
      <alignment vertical="center" shrinkToFit="1"/>
    </xf>
    <xf numFmtId="0" fontId="12" fillId="0" borderId="14" xfId="1" applyFont="1" applyBorder="1" applyAlignment="1">
      <alignment vertical="center" shrinkToFit="1"/>
    </xf>
    <xf numFmtId="0" fontId="12" fillId="0" borderId="15" xfId="1" applyFont="1" applyBorder="1" applyAlignment="1">
      <alignment vertical="center" shrinkToFit="1"/>
    </xf>
    <xf numFmtId="0" fontId="13" fillId="0" borderId="4" xfId="1" applyFont="1" applyBorder="1" applyAlignment="1">
      <alignment vertical="center" shrinkToFit="1"/>
    </xf>
    <xf numFmtId="0" fontId="12" fillId="0" borderId="16" xfId="1" applyFont="1" applyBorder="1" applyAlignment="1">
      <alignment vertical="center" shrinkToFit="1"/>
    </xf>
    <xf numFmtId="0" fontId="13" fillId="0" borderId="17" xfId="1" applyFont="1" applyBorder="1" applyAlignment="1">
      <alignment vertical="center" shrinkToFit="1"/>
    </xf>
    <xf numFmtId="0" fontId="13" fillId="0" borderId="18" xfId="1" applyFont="1" applyBorder="1" applyAlignment="1">
      <alignment vertical="center" shrinkToFit="1"/>
    </xf>
    <xf numFmtId="0" fontId="13" fillId="0" borderId="19" xfId="1" applyFont="1" applyBorder="1" applyAlignment="1">
      <alignment vertical="center" shrinkToFit="1"/>
    </xf>
    <xf numFmtId="0" fontId="12" fillId="0" borderId="20" xfId="1" applyFont="1" applyBorder="1" applyAlignment="1">
      <alignment vertical="center" shrinkToFit="1"/>
    </xf>
    <xf numFmtId="0" fontId="13" fillId="0" borderId="21" xfId="1" applyFont="1" applyBorder="1" applyAlignment="1">
      <alignment vertical="center" shrinkToFit="1"/>
    </xf>
    <xf numFmtId="0" fontId="13" fillId="0" borderId="22" xfId="1" applyFont="1" applyBorder="1" applyAlignment="1">
      <alignment vertical="center" shrinkToFit="1"/>
    </xf>
    <xf numFmtId="0" fontId="12" fillId="0" borderId="23" xfId="1" applyFont="1" applyBorder="1" applyAlignment="1">
      <alignment vertical="center" shrinkToFit="1"/>
    </xf>
    <xf numFmtId="0" fontId="13" fillId="1" borderId="17" xfId="1" applyFont="1" applyFill="1" applyBorder="1" applyAlignment="1">
      <alignment vertical="center" shrinkToFit="1"/>
    </xf>
    <xf numFmtId="0" fontId="13" fillId="1" borderId="18" xfId="1" applyFont="1" applyFill="1" applyBorder="1" applyAlignment="1">
      <alignment vertical="center" shrinkToFit="1"/>
    </xf>
    <xf numFmtId="0" fontId="13" fillId="1" borderId="19" xfId="1" applyFont="1" applyFill="1" applyBorder="1" applyAlignment="1">
      <alignment vertical="center" shrinkToFit="1"/>
    </xf>
    <xf numFmtId="0" fontId="13" fillId="1" borderId="12" xfId="1" applyFont="1" applyFill="1" applyBorder="1" applyAlignment="1">
      <alignment vertical="center" shrinkToFit="1"/>
    </xf>
    <xf numFmtId="0" fontId="13" fillId="1" borderId="13" xfId="1" applyFont="1" applyFill="1" applyBorder="1" applyAlignment="1">
      <alignment vertical="center" shrinkToFit="1"/>
    </xf>
    <xf numFmtId="0" fontId="13" fillId="1" borderId="1" xfId="1" applyFont="1" applyFill="1" applyBorder="1" applyAlignment="1">
      <alignment vertical="center" shrinkToFit="1"/>
    </xf>
    <xf numFmtId="0" fontId="13" fillId="1" borderId="7" xfId="1" applyFont="1" applyFill="1" applyBorder="1" applyAlignment="1">
      <alignment vertical="center" shrinkToFit="1"/>
    </xf>
    <xf numFmtId="0" fontId="13" fillId="1" borderId="9" xfId="1" applyFont="1" applyFill="1" applyBorder="1" applyAlignment="1">
      <alignment vertical="center" shrinkToFit="1"/>
    </xf>
    <xf numFmtId="0" fontId="13" fillId="1" borderId="10" xfId="1" applyFont="1" applyFill="1" applyBorder="1" applyAlignment="1">
      <alignment vertical="center" shrinkToFit="1"/>
    </xf>
    <xf numFmtId="0" fontId="13" fillId="1" borderId="21" xfId="1" applyFont="1" applyFill="1" applyBorder="1" applyAlignment="1">
      <alignment vertical="center" shrinkToFit="1"/>
    </xf>
    <xf numFmtId="0" fontId="13" fillId="1" borderId="11" xfId="1" applyFont="1" applyFill="1" applyBorder="1" applyAlignment="1">
      <alignment vertical="center" shrinkToFit="1"/>
    </xf>
    <xf numFmtId="0" fontId="13" fillId="1" borderId="4" xfId="1" applyFont="1" applyFill="1" applyBorder="1" applyAlignment="1">
      <alignment vertical="center" shrinkToFit="1"/>
    </xf>
    <xf numFmtId="0" fontId="13" fillId="1" borderId="6" xfId="1" applyFont="1" applyFill="1" applyBorder="1" applyAlignment="1">
      <alignment vertical="center" shrinkToFit="1"/>
    </xf>
    <xf numFmtId="0" fontId="13" fillId="1" borderId="22" xfId="1" applyFont="1" applyFill="1" applyBorder="1" applyAlignment="1">
      <alignment vertical="center" shrinkToFit="1"/>
    </xf>
    <xf numFmtId="0" fontId="13" fillId="1" borderId="8" xfId="1" applyFont="1" applyFill="1" applyBorder="1" applyAlignment="1">
      <alignment vertical="center" shrinkToFit="1"/>
    </xf>
    <xf numFmtId="0" fontId="12" fillId="0" borderId="0" xfId="0" applyFont="1">
      <alignment vertical="center"/>
    </xf>
    <xf numFmtId="0" fontId="12" fillId="0" borderId="0" xfId="0" applyFont="1" applyAlignment="1">
      <alignment horizontal="center" vertical="center" shrinkToFit="1"/>
    </xf>
    <xf numFmtId="0" fontId="4" fillId="0" borderId="24" xfId="0" applyFont="1" applyBorder="1" applyAlignment="1">
      <alignment horizontal="center" vertical="center" shrinkToFit="1"/>
    </xf>
    <xf numFmtId="0" fontId="4" fillId="0" borderId="25" xfId="0" applyFont="1" applyBorder="1" applyAlignment="1">
      <alignment horizontal="center" vertical="center" shrinkToFit="1"/>
    </xf>
    <xf numFmtId="0" fontId="4" fillId="0" borderId="26" xfId="0" applyFont="1" applyBorder="1" applyAlignment="1">
      <alignment horizontal="center" vertical="center" shrinkToFit="1"/>
    </xf>
    <xf numFmtId="0" fontId="9" fillId="0" borderId="27" xfId="0" applyFont="1" applyBorder="1" applyAlignment="1">
      <alignment vertical="center" shrinkToFit="1"/>
    </xf>
    <xf numFmtId="0" fontId="9" fillId="0" borderId="28" xfId="0" applyFont="1" applyBorder="1" applyAlignment="1">
      <alignment vertical="center" shrinkToFit="1"/>
    </xf>
    <xf numFmtId="0" fontId="9" fillId="0" borderId="2" xfId="0" applyFont="1" applyBorder="1" applyAlignment="1">
      <alignment vertical="center" shrinkToFit="1"/>
    </xf>
    <xf numFmtId="0" fontId="9" fillId="0" borderId="29" xfId="0" applyFont="1" applyBorder="1" applyAlignment="1">
      <alignment vertical="center" shrinkToFit="1"/>
    </xf>
    <xf numFmtId="0" fontId="9" fillId="0" borderId="30" xfId="0" applyFont="1" applyBorder="1" applyAlignment="1">
      <alignment vertical="center" shrinkToFit="1"/>
    </xf>
    <xf numFmtId="0" fontId="9" fillId="0" borderId="5" xfId="0" applyFont="1" applyBorder="1" applyAlignment="1">
      <alignment vertical="center" shrinkToFit="1"/>
    </xf>
    <xf numFmtId="0" fontId="9" fillId="0" borderId="31" xfId="0" applyFont="1" applyBorder="1" applyAlignment="1">
      <alignment vertical="center" shrinkToFit="1"/>
    </xf>
    <xf numFmtId="0" fontId="9" fillId="0" borderId="21" xfId="0" applyFont="1" applyBorder="1" applyAlignment="1">
      <alignment vertical="center" shrinkToFit="1"/>
    </xf>
    <xf numFmtId="0" fontId="9" fillId="0" borderId="12" xfId="0" applyFont="1" applyBorder="1" applyAlignment="1">
      <alignment vertical="center" shrinkToFit="1"/>
    </xf>
    <xf numFmtId="0" fontId="9" fillId="0" borderId="17" xfId="0" applyFont="1" applyBorder="1" applyAlignment="1">
      <alignment vertical="center" shrinkToFit="1"/>
    </xf>
    <xf numFmtId="0" fontId="12" fillId="0" borderId="0" xfId="0" applyFont="1" applyAlignment="1">
      <alignment horizontal="center" vertical="center"/>
    </xf>
    <xf numFmtId="0" fontId="12" fillId="0" borderId="30" xfId="0" applyFont="1" applyBorder="1" applyAlignment="1">
      <alignment horizontal="center" vertical="center"/>
    </xf>
    <xf numFmtId="0" fontId="12" fillId="0" borderId="32" xfId="0" applyFont="1" applyBorder="1" applyAlignment="1">
      <alignment horizontal="center" vertical="center" shrinkToFit="1"/>
    </xf>
    <xf numFmtId="0" fontId="9" fillId="0" borderId="27" xfId="0" applyFont="1" applyBorder="1" applyAlignment="1">
      <alignment horizontal="center" vertical="center" shrinkToFit="1"/>
    </xf>
    <xf numFmtId="0" fontId="9" fillId="0" borderId="33" xfId="0" applyFont="1" applyBorder="1" applyAlignment="1">
      <alignment horizontal="center" vertical="center" shrinkToFit="1"/>
    </xf>
    <xf numFmtId="0" fontId="9" fillId="0" borderId="34" xfId="0" applyFont="1" applyBorder="1" applyAlignment="1">
      <alignment vertical="center" shrinkToFit="1"/>
    </xf>
    <xf numFmtId="0" fontId="9" fillId="0" borderId="35" xfId="0" applyFont="1" applyBorder="1" applyAlignment="1">
      <alignment vertical="center" shrinkToFit="1"/>
    </xf>
    <xf numFmtId="0" fontId="9" fillId="0" borderId="33" xfId="0" applyFont="1" applyBorder="1" applyAlignment="1">
      <alignment vertical="center" shrinkToFit="1"/>
    </xf>
    <xf numFmtId="0" fontId="15" fillId="0" borderId="0" xfId="0" applyFont="1">
      <alignment vertical="center"/>
    </xf>
    <xf numFmtId="0" fontId="15" fillId="0" borderId="0" xfId="0" applyFont="1" applyAlignment="1">
      <alignment horizontal="center" vertical="center"/>
    </xf>
    <xf numFmtId="0" fontId="15" fillId="0" borderId="0" xfId="0" applyFont="1" applyAlignment="1">
      <alignment horizontal="right" vertical="center"/>
    </xf>
    <xf numFmtId="0" fontId="15" fillId="0" borderId="0" xfId="0" applyFont="1" applyAlignment="1">
      <alignment vertical="center"/>
    </xf>
    <xf numFmtId="0" fontId="15" fillId="0" borderId="0" xfId="0" applyFont="1" applyAlignment="1">
      <alignment horizontal="left" vertical="distributed" wrapText="1"/>
    </xf>
    <xf numFmtId="0" fontId="17" fillId="0" borderId="0" xfId="0" applyFont="1">
      <alignment vertical="center"/>
    </xf>
    <xf numFmtId="0" fontId="19" fillId="0" borderId="0" xfId="0" applyFont="1">
      <alignment vertical="center"/>
    </xf>
    <xf numFmtId="0" fontId="17" fillId="0" borderId="1" xfId="0" applyFont="1" applyBorder="1" applyAlignment="1">
      <alignment horizontal="center" vertical="center"/>
    </xf>
    <xf numFmtId="0" fontId="23" fillId="0" borderId="36" xfId="0" applyFont="1" applyBorder="1" applyAlignment="1">
      <alignment horizontal="left" vertical="center" wrapText="1"/>
    </xf>
    <xf numFmtId="0" fontId="23" fillId="0" borderId="37" xfId="0" applyFont="1" applyBorder="1" applyAlignment="1">
      <alignment horizontal="left" vertical="center" wrapText="1"/>
    </xf>
    <xf numFmtId="0" fontId="23" fillId="0" borderId="38" xfId="0" applyFont="1" applyBorder="1" applyAlignment="1">
      <alignment horizontal="left" vertical="center" wrapText="1"/>
    </xf>
    <xf numFmtId="0" fontId="23" fillId="0" borderId="36" xfId="0" applyFont="1" applyBorder="1" applyAlignment="1">
      <alignment horizontal="center" vertical="center"/>
    </xf>
    <xf numFmtId="0" fontId="23" fillId="0" borderId="37" xfId="0" applyFont="1" applyBorder="1" applyAlignment="1">
      <alignment horizontal="center" vertical="center"/>
    </xf>
    <xf numFmtId="0" fontId="23" fillId="0" borderId="38" xfId="0" applyFont="1" applyBorder="1" applyAlignment="1">
      <alignment horizontal="center" vertical="center"/>
    </xf>
    <xf numFmtId="0" fontId="25" fillId="0" borderId="0" xfId="0" applyFont="1" applyAlignment="1">
      <alignment vertical="center"/>
    </xf>
    <xf numFmtId="0" fontId="21" fillId="0" borderId="0" xfId="2" applyFont="1" applyAlignment="1">
      <alignment shrinkToFit="1"/>
    </xf>
    <xf numFmtId="0" fontId="21" fillId="0" borderId="29" xfId="2" applyFont="1" applyBorder="1" applyAlignment="1">
      <alignment horizontal="center" vertical="center" shrinkToFit="1"/>
    </xf>
    <xf numFmtId="0" fontId="21" fillId="0" borderId="29" xfId="2" applyFont="1" applyBorder="1" applyAlignment="1">
      <alignment vertical="center" shrinkToFit="1"/>
    </xf>
    <xf numFmtId="0" fontId="21" fillId="0" borderId="1" xfId="2" applyFont="1" applyBorder="1" applyAlignment="1">
      <alignment vertical="center" shrinkToFit="1"/>
    </xf>
    <xf numFmtId="0" fontId="21" fillId="0" borderId="1" xfId="2" applyFont="1" applyBorder="1" applyAlignment="1">
      <alignment horizontal="left" vertical="center" shrinkToFit="1"/>
    </xf>
    <xf numFmtId="0" fontId="21" fillId="0" borderId="0" xfId="2" applyFont="1" applyAlignment="1">
      <alignment horizontal="center" vertical="center" shrinkToFit="1"/>
    </xf>
    <xf numFmtId="0" fontId="21" fillId="0" borderId="12" xfId="2" applyFont="1" applyBorder="1" applyAlignment="1">
      <alignment vertical="center" shrinkToFit="1"/>
    </xf>
    <xf numFmtId="0" fontId="21" fillId="0" borderId="17" xfId="2" applyFont="1" applyBorder="1" applyAlignment="1">
      <alignment vertical="center" shrinkToFit="1"/>
    </xf>
    <xf numFmtId="0" fontId="21" fillId="0" borderId="0" xfId="2" applyFont="1" applyBorder="1" applyAlignment="1">
      <alignment shrinkToFit="1"/>
    </xf>
    <xf numFmtId="0" fontId="21" fillId="0" borderId="0" xfId="3" applyFont="1"/>
    <xf numFmtId="0" fontId="21" fillId="0" borderId="1" xfId="3" applyFont="1" applyBorder="1" applyAlignment="1">
      <alignment vertical="center" shrinkToFit="1"/>
    </xf>
    <xf numFmtId="0" fontId="21" fillId="0" borderId="1" xfId="3" applyFont="1" applyBorder="1" applyAlignment="1">
      <alignment horizontal="center" vertical="center"/>
    </xf>
    <xf numFmtId="0" fontId="21" fillId="0" borderId="1" xfId="3" applyFont="1" applyBorder="1" applyAlignment="1">
      <alignment vertical="center"/>
    </xf>
    <xf numFmtId="0" fontId="21" fillId="0" borderId="1" xfId="3" applyFont="1" applyBorder="1" applyAlignment="1">
      <alignment horizontal="left" vertical="center"/>
    </xf>
    <xf numFmtId="0" fontId="21" fillId="0" borderId="29" xfId="3" applyFont="1" applyBorder="1" applyAlignment="1">
      <alignment vertical="center" shrinkToFit="1"/>
    </xf>
    <xf numFmtId="0" fontId="21" fillId="0" borderId="5" xfId="3" applyFont="1" applyBorder="1" applyAlignment="1">
      <alignment horizontal="left" vertical="center"/>
    </xf>
    <xf numFmtId="0" fontId="21" fillId="0" borderId="27" xfId="3" applyFont="1" applyBorder="1" applyAlignment="1">
      <alignment vertical="center" shrinkToFit="1"/>
    </xf>
    <xf numFmtId="0" fontId="21" fillId="0" borderId="29" xfId="3" applyFont="1" applyBorder="1" applyAlignment="1">
      <alignment vertical="center"/>
    </xf>
    <xf numFmtId="0" fontId="21" fillId="0" borderId="5" xfId="3" applyFont="1" applyBorder="1" applyAlignment="1">
      <alignment vertical="center" shrinkToFit="1"/>
    </xf>
    <xf numFmtId="0" fontId="21" fillId="0" borderId="29" xfId="3" applyFont="1" applyBorder="1" applyAlignment="1">
      <alignment horizontal="left" vertical="center"/>
    </xf>
    <xf numFmtId="0" fontId="21" fillId="0" borderId="0" xfId="4" applyFont="1"/>
    <xf numFmtId="0" fontId="21" fillId="0" borderId="0" xfId="4" applyFont="1" applyAlignment="1">
      <alignment vertical="center"/>
    </xf>
    <xf numFmtId="0" fontId="21" fillId="0" borderId="5" xfId="4" applyFont="1" applyBorder="1" applyAlignment="1">
      <alignment vertical="center"/>
    </xf>
    <xf numFmtId="0" fontId="21" fillId="0" borderId="5" xfId="4" applyFont="1" applyBorder="1" applyAlignment="1">
      <alignment horizontal="left" vertical="center"/>
    </xf>
    <xf numFmtId="0" fontId="21" fillId="0" borderId="29" xfId="4" applyFont="1" applyBorder="1" applyAlignment="1">
      <alignment vertical="center"/>
    </xf>
    <xf numFmtId="0" fontId="21" fillId="0" borderId="29" xfId="4" applyFont="1" applyBorder="1" applyAlignment="1">
      <alignment horizontal="center" vertical="center"/>
    </xf>
    <xf numFmtId="0" fontId="21" fillId="0" borderId="27" xfId="4" applyFont="1" applyBorder="1" applyAlignment="1">
      <alignment horizontal="center" vertical="center"/>
    </xf>
    <xf numFmtId="0" fontId="21" fillId="0" borderId="29" xfId="4" applyFont="1" applyBorder="1" applyAlignment="1">
      <alignment horizontal="left" vertical="center"/>
    </xf>
    <xf numFmtId="0" fontId="21" fillId="0" borderId="12" xfId="4" applyFont="1" applyBorder="1" applyAlignment="1">
      <alignment vertical="center"/>
    </xf>
    <xf numFmtId="0" fontId="21" fillId="0" borderId="12" xfId="4" applyFont="1" applyBorder="1" applyAlignment="1">
      <alignment horizontal="left" vertical="center"/>
    </xf>
    <xf numFmtId="0" fontId="21" fillId="0" borderId="29" xfId="4" applyFont="1" applyBorder="1" applyAlignment="1">
      <alignment horizontal="left" vertical="center" wrapText="1"/>
    </xf>
    <xf numFmtId="0" fontId="21" fillId="0" borderId="0" xfId="4" applyFont="1" applyBorder="1" applyAlignment="1">
      <alignment vertical="center"/>
    </xf>
    <xf numFmtId="0" fontId="21" fillId="0" borderId="5" xfId="4" applyFont="1" applyBorder="1" applyAlignment="1">
      <alignment vertical="center" wrapText="1"/>
    </xf>
    <xf numFmtId="0" fontId="21" fillId="0" borderId="1" xfId="4" applyFont="1" applyBorder="1" applyAlignment="1">
      <alignment horizontal="center" vertical="center"/>
    </xf>
    <xf numFmtId="0" fontId="21" fillId="0" borderId="1" xfId="4" applyFont="1" applyBorder="1" applyAlignment="1">
      <alignment horizontal="left" vertical="center"/>
    </xf>
    <xf numFmtId="0" fontId="21" fillId="0" borderId="0" xfId="5" applyFont="1"/>
    <xf numFmtId="0" fontId="21" fillId="0" borderId="27" xfId="5" applyFont="1" applyBorder="1" applyAlignment="1">
      <alignment vertical="center"/>
    </xf>
    <xf numFmtId="0" fontId="21" fillId="0" borderId="0" xfId="5" applyFont="1" applyAlignment="1">
      <alignment vertical="center"/>
    </xf>
    <xf numFmtId="0" fontId="21" fillId="0" borderId="27" xfId="5" applyFont="1" applyBorder="1" applyAlignment="1">
      <alignment horizontal="left" vertical="center"/>
    </xf>
    <xf numFmtId="0" fontId="21" fillId="0" borderId="0" xfId="5" applyFont="1" applyBorder="1" applyAlignment="1">
      <alignment horizontal="left" vertical="center"/>
    </xf>
    <xf numFmtId="0" fontId="21" fillId="0" borderId="21" xfId="5" applyFont="1" applyBorder="1" applyAlignment="1">
      <alignment horizontal="center" vertical="center" wrapText="1"/>
    </xf>
    <xf numFmtId="0" fontId="21" fillId="0" borderId="12" xfId="5" applyFont="1" applyBorder="1" applyAlignment="1">
      <alignment horizontal="center" vertical="center"/>
    </xf>
    <xf numFmtId="0" fontId="21" fillId="0" borderId="4" xfId="5" applyFont="1" applyBorder="1" applyAlignment="1">
      <alignment horizontal="left" vertical="center"/>
    </xf>
    <xf numFmtId="0" fontId="21" fillId="0" borderId="4" xfId="5" applyFont="1" applyFill="1" applyBorder="1" applyAlignment="1">
      <alignment horizontal="left" vertical="center"/>
    </xf>
    <xf numFmtId="0" fontId="21" fillId="0" borderId="12" xfId="4" applyFont="1" applyBorder="1" applyAlignment="1">
      <alignment vertical="center" wrapText="1"/>
    </xf>
    <xf numFmtId="0" fontId="21" fillId="0" borderId="1" xfId="3" applyFont="1" applyBorder="1" applyAlignment="1">
      <alignment vertical="center" wrapText="1" shrinkToFit="1"/>
    </xf>
    <xf numFmtId="0" fontId="21" fillId="0" borderId="5" xfId="2" applyFont="1" applyBorder="1" applyAlignment="1">
      <alignment horizontal="center" vertical="center" wrapText="1" shrinkToFit="1"/>
    </xf>
    <xf numFmtId="0" fontId="21" fillId="0" borderId="40" xfId="2" applyFont="1" applyBorder="1" applyAlignment="1">
      <alignment vertical="center" shrinkToFit="1"/>
    </xf>
    <xf numFmtId="0" fontId="21" fillId="0" borderId="40" xfId="3" applyFont="1" applyBorder="1" applyAlignment="1">
      <alignment horizontal="center" vertical="center"/>
    </xf>
    <xf numFmtId="0" fontId="10" fillId="0" borderId="0" xfId="1" applyFont="1">
      <alignment vertical="center"/>
    </xf>
    <xf numFmtId="0" fontId="10" fillId="0" borderId="0" xfId="1" applyFont="1" applyAlignment="1">
      <alignment horizontal="center" vertical="center"/>
    </xf>
    <xf numFmtId="0" fontId="10" fillId="0" borderId="0" xfId="1" applyFont="1" applyAlignment="1">
      <alignment horizontal="right" vertical="center"/>
    </xf>
    <xf numFmtId="0" fontId="10" fillId="0" borderId="2" xfId="1" quotePrefix="1" applyFont="1" applyBorder="1" applyAlignment="1">
      <alignment horizontal="left" vertical="center" shrinkToFit="1"/>
    </xf>
    <xf numFmtId="0" fontId="10" fillId="0" borderId="2" xfId="1" applyFont="1" applyBorder="1" applyAlignment="1">
      <alignment vertical="center" shrinkToFit="1"/>
    </xf>
    <xf numFmtId="0" fontId="10" fillId="0" borderId="17" xfId="1" applyFont="1" applyBorder="1" applyAlignment="1">
      <alignment vertical="center" shrinkToFit="1"/>
    </xf>
    <xf numFmtId="0" fontId="0" fillId="0" borderId="0" xfId="0" applyFont="1" applyAlignment="1">
      <alignment horizontal="center" vertical="center"/>
    </xf>
    <xf numFmtId="0" fontId="0" fillId="0" borderId="0" xfId="0" applyFont="1" applyAlignment="1">
      <alignment vertical="center"/>
    </xf>
    <xf numFmtId="0" fontId="0" fillId="0" borderId="1" xfId="0" applyFont="1" applyBorder="1" applyAlignment="1">
      <alignment horizontal="center" vertical="center" wrapText="1"/>
    </xf>
    <xf numFmtId="0" fontId="0" fillId="0" borderId="1" xfId="0" applyFont="1" applyBorder="1" applyAlignment="1">
      <alignment horizontal="center" vertical="center"/>
    </xf>
    <xf numFmtId="0" fontId="0" fillId="0" borderId="1" xfId="0" applyFont="1" applyFill="1" applyBorder="1" applyAlignment="1">
      <alignment horizontal="center" vertical="center"/>
    </xf>
    <xf numFmtId="0" fontId="0" fillId="0" borderId="12" xfId="0" applyFont="1" applyBorder="1" applyAlignment="1">
      <alignment horizontal="center" vertical="center"/>
    </xf>
    <xf numFmtId="0" fontId="0" fillId="0" borderId="1" xfId="0" applyFont="1" applyBorder="1" applyAlignment="1">
      <alignment vertical="center"/>
    </xf>
    <xf numFmtId="0" fontId="0" fillId="0" borderId="18" xfId="0" applyFont="1" applyBorder="1" applyAlignment="1">
      <alignment horizontal="center" vertical="center"/>
    </xf>
    <xf numFmtId="0" fontId="0" fillId="0" borderId="18" xfId="0" applyFont="1" applyBorder="1" applyAlignment="1">
      <alignment vertical="center"/>
    </xf>
    <xf numFmtId="0" fontId="0" fillId="0" borderId="24" xfId="0" applyFont="1" applyBorder="1" applyAlignment="1">
      <alignment horizontal="center" vertical="center"/>
    </xf>
    <xf numFmtId="0" fontId="0" fillId="0" borderId="25" xfId="0" applyFont="1" applyBorder="1" applyAlignment="1">
      <alignment vertical="center"/>
    </xf>
    <xf numFmtId="0" fontId="0" fillId="0" borderId="24" xfId="0" applyFont="1" applyBorder="1" applyAlignment="1">
      <alignment vertical="center"/>
    </xf>
    <xf numFmtId="0" fontId="0" fillId="0" borderId="42" xfId="0" applyFont="1" applyBorder="1" applyAlignment="1">
      <alignment horizontal="center" vertical="center"/>
    </xf>
    <xf numFmtId="0" fontId="31" fillId="0" borderId="43" xfId="0" applyFont="1" applyBorder="1" applyAlignment="1">
      <alignment horizontal="center" vertical="center"/>
    </xf>
    <xf numFmtId="0" fontId="31" fillId="0" borderId="43" xfId="0" applyFont="1" applyBorder="1" applyAlignment="1">
      <alignment vertical="center"/>
    </xf>
    <xf numFmtId="0" fontId="0" fillId="0" borderId="12" xfId="0" applyFont="1" applyBorder="1" applyAlignment="1">
      <alignment vertical="center"/>
    </xf>
    <xf numFmtId="0" fontId="28" fillId="0" borderId="0" xfId="0" applyFont="1" applyAlignment="1">
      <alignment horizontal="right" vertical="center"/>
    </xf>
    <xf numFmtId="0" fontId="0" fillId="0" borderId="0" xfId="1" applyFont="1" applyAlignment="1">
      <alignment horizontal="right" vertical="center" shrinkToFit="1"/>
    </xf>
    <xf numFmtId="0" fontId="0" fillId="0" borderId="1" xfId="1" applyFont="1" applyBorder="1" applyAlignment="1">
      <alignment vertical="distributed" shrinkToFit="1"/>
    </xf>
    <xf numFmtId="0" fontId="30" fillId="0" borderId="5" xfId="0" applyFont="1" applyBorder="1" applyAlignment="1">
      <alignment horizontal="justify" vertical="center" wrapText="1"/>
    </xf>
    <xf numFmtId="0" fontId="30" fillId="0" borderId="12" xfId="0" applyFont="1" applyBorder="1" applyAlignment="1">
      <alignment horizontal="justify" vertical="center" wrapText="1"/>
    </xf>
    <xf numFmtId="0" fontId="13" fillId="0" borderId="72" xfId="1" applyFont="1" applyBorder="1" applyAlignment="1">
      <alignment vertical="center" shrinkToFit="1"/>
    </xf>
    <xf numFmtId="0" fontId="13" fillId="0" borderId="39" xfId="1" applyFont="1" applyBorder="1" applyAlignment="1">
      <alignment vertical="center" shrinkToFit="1"/>
    </xf>
    <xf numFmtId="0" fontId="13" fillId="0" borderId="74" xfId="1" applyFont="1" applyBorder="1" applyAlignment="1">
      <alignment vertical="center" shrinkToFit="1"/>
    </xf>
    <xf numFmtId="0" fontId="13" fillId="1" borderId="74" xfId="1" applyFont="1" applyFill="1" applyBorder="1" applyAlignment="1">
      <alignment vertical="center" shrinkToFit="1"/>
    </xf>
    <xf numFmtId="0" fontId="13" fillId="0" borderId="65" xfId="1" applyFont="1" applyBorder="1" applyAlignment="1">
      <alignment vertical="center" shrinkToFit="1"/>
    </xf>
    <xf numFmtId="0" fontId="13" fillId="0" borderId="66" xfId="1" applyFont="1" applyBorder="1" applyAlignment="1">
      <alignment vertical="center" shrinkToFit="1"/>
    </xf>
    <xf numFmtId="0" fontId="13" fillId="1" borderId="72" xfId="1" applyFont="1" applyFill="1" applyBorder="1" applyAlignment="1">
      <alignment vertical="center" shrinkToFit="1"/>
    </xf>
    <xf numFmtId="0" fontId="13" fillId="0" borderId="75" xfId="1" applyFont="1" applyBorder="1" applyAlignment="1">
      <alignment vertical="center" shrinkToFit="1"/>
    </xf>
    <xf numFmtId="0" fontId="9" fillId="1" borderId="66" xfId="1" applyFont="1" applyFill="1" applyBorder="1" applyAlignment="1">
      <alignment vertical="center" shrinkToFit="1"/>
    </xf>
    <xf numFmtId="0" fontId="9" fillId="1" borderId="72" xfId="1" applyFont="1" applyFill="1" applyBorder="1" applyAlignment="1">
      <alignment vertical="center" shrinkToFit="1"/>
    </xf>
    <xf numFmtId="0" fontId="9" fillId="1" borderId="75" xfId="1" applyFont="1" applyFill="1" applyBorder="1" applyAlignment="1">
      <alignment vertical="center" shrinkToFit="1"/>
    </xf>
    <xf numFmtId="0" fontId="9" fillId="0" borderId="75" xfId="1" applyFont="1" applyBorder="1" applyAlignment="1">
      <alignment vertical="center" shrinkToFit="1"/>
    </xf>
    <xf numFmtId="0" fontId="9" fillId="0" borderId="72" xfId="1" applyFont="1" applyBorder="1" applyAlignment="1">
      <alignment vertical="center" shrinkToFit="1"/>
    </xf>
    <xf numFmtId="0" fontId="13" fillId="0" borderId="68" xfId="1" applyFont="1" applyBorder="1" applyAlignment="1">
      <alignment vertical="center" shrinkToFit="1"/>
    </xf>
    <xf numFmtId="0" fontId="13" fillId="0" borderId="69" xfId="1" applyFont="1" applyBorder="1" applyAlignment="1">
      <alignment vertical="center" shrinkToFit="1"/>
    </xf>
    <xf numFmtId="0" fontId="13" fillId="1" borderId="76" xfId="1" applyFont="1" applyFill="1" applyBorder="1" applyAlignment="1">
      <alignment vertical="center" shrinkToFit="1"/>
    </xf>
    <xf numFmtId="0" fontId="13" fillId="0" borderId="77" xfId="1" applyFont="1" applyBorder="1" applyAlignment="1">
      <alignment vertical="center" shrinkToFit="1"/>
    </xf>
    <xf numFmtId="0" fontId="13" fillId="0" borderId="76" xfId="1" applyFont="1" applyBorder="1" applyAlignment="1">
      <alignment vertical="center" shrinkToFit="1"/>
    </xf>
    <xf numFmtId="0" fontId="13" fillId="1" borderId="69" xfId="1" applyFont="1" applyFill="1" applyBorder="1" applyAlignment="1">
      <alignment vertical="center" shrinkToFit="1"/>
    </xf>
    <xf numFmtId="0" fontId="13" fillId="1" borderId="77" xfId="1" applyFont="1" applyFill="1" applyBorder="1" applyAlignment="1">
      <alignment vertical="center" shrinkToFit="1"/>
    </xf>
    <xf numFmtId="0" fontId="13" fillId="0" borderId="71" xfId="1" applyFont="1" applyBorder="1" applyAlignment="1">
      <alignment vertical="center" shrinkToFit="1"/>
    </xf>
    <xf numFmtId="0" fontId="13" fillId="1" borderId="71" xfId="1" applyFont="1" applyFill="1" applyBorder="1" applyAlignment="1">
      <alignment vertical="center" shrinkToFit="1"/>
    </xf>
    <xf numFmtId="0" fontId="13" fillId="1" borderId="66" xfId="1" applyFont="1" applyFill="1" applyBorder="1" applyAlignment="1">
      <alignment vertical="center" shrinkToFit="1"/>
    </xf>
    <xf numFmtId="0" fontId="13" fillId="1" borderId="75" xfId="1" applyFont="1" applyFill="1" applyBorder="1" applyAlignment="1">
      <alignment vertical="center" shrinkToFit="1"/>
    </xf>
    <xf numFmtId="0" fontId="17" fillId="0" borderId="1" xfId="0" applyFont="1" applyBorder="1" applyAlignment="1">
      <alignment horizontal="center" vertical="center"/>
    </xf>
    <xf numFmtId="0" fontId="15" fillId="2" borderId="1" xfId="0" applyFont="1" applyFill="1" applyBorder="1" applyAlignment="1">
      <alignment horizontal="center" vertical="center" textRotation="255" shrinkToFit="1"/>
    </xf>
    <xf numFmtId="0" fontId="32" fillId="0" borderId="0" xfId="0" applyFont="1" applyAlignment="1">
      <alignment horizontal="left" vertical="center"/>
    </xf>
    <xf numFmtId="0" fontId="21" fillId="0" borderId="1" xfId="5" applyFont="1" applyBorder="1" applyAlignment="1">
      <alignment vertical="center" wrapText="1"/>
    </xf>
    <xf numFmtId="0" fontId="21" fillId="0" borderId="5" xfId="5" applyFont="1" applyBorder="1" applyAlignment="1">
      <alignment horizontal="center" vertical="center"/>
    </xf>
    <xf numFmtId="0" fontId="23" fillId="0" borderId="0" xfId="5" applyFont="1"/>
    <xf numFmtId="0" fontId="15" fillId="0" borderId="0" xfId="0" applyFont="1" applyAlignment="1">
      <alignment horizontal="right" vertical="center"/>
    </xf>
    <xf numFmtId="0" fontId="15" fillId="0" borderId="0" xfId="0" applyFont="1" applyAlignment="1">
      <alignment horizontal="center" vertical="center"/>
    </xf>
    <xf numFmtId="0" fontId="4" fillId="0" borderId="1" xfId="0" applyFont="1" applyBorder="1" applyAlignment="1">
      <alignment horizontal="distributed" vertical="center" justifyLastLine="1"/>
    </xf>
    <xf numFmtId="0" fontId="17" fillId="0" borderId="1" xfId="0" applyFont="1" applyBorder="1" applyAlignment="1">
      <alignment horizontal="center" vertical="center"/>
    </xf>
    <xf numFmtId="0" fontId="21" fillId="0" borderId="5" xfId="4" applyFont="1" applyBorder="1" applyAlignment="1">
      <alignment horizontal="center" vertical="center"/>
    </xf>
    <xf numFmtId="0" fontId="21" fillId="0" borderId="12" xfId="4" applyFont="1" applyBorder="1" applyAlignment="1">
      <alignment horizontal="center" vertical="center"/>
    </xf>
    <xf numFmtId="0" fontId="21" fillId="0" borderId="30" xfId="4" applyFont="1" applyBorder="1" applyAlignment="1">
      <alignment horizontal="center" vertical="center"/>
    </xf>
    <xf numFmtId="0" fontId="21" fillId="0" borderId="21" xfId="4" applyFont="1" applyBorder="1" applyAlignment="1">
      <alignment horizontal="center" vertical="center"/>
    </xf>
    <xf numFmtId="0" fontId="21" fillId="0" borderId="5" xfId="2" applyFont="1" applyBorder="1" applyAlignment="1">
      <alignment horizontal="center" vertical="center" shrinkToFit="1"/>
    </xf>
    <xf numFmtId="0" fontId="21" fillId="0" borderId="12" xfId="2" applyFont="1" applyBorder="1" applyAlignment="1">
      <alignment horizontal="center" vertical="center" shrinkToFit="1"/>
    </xf>
    <xf numFmtId="0" fontId="21" fillId="0" borderId="39" xfId="2" applyFont="1" applyBorder="1" applyAlignment="1">
      <alignment shrinkToFit="1"/>
    </xf>
    <xf numFmtId="0" fontId="21" fillId="0" borderId="1" xfId="2" applyFont="1" applyBorder="1" applyAlignment="1">
      <alignment horizontal="center" vertical="center" shrinkToFit="1"/>
    </xf>
    <xf numFmtId="0" fontId="21" fillId="0" borderId="5" xfId="3" applyFont="1" applyBorder="1" applyAlignment="1">
      <alignment horizontal="center" vertical="center"/>
    </xf>
    <xf numFmtId="0" fontId="21" fillId="0" borderId="29" xfId="3" applyFont="1" applyBorder="1" applyAlignment="1">
      <alignment horizontal="center" vertical="center"/>
    </xf>
    <xf numFmtId="0" fontId="21" fillId="0" borderId="0" xfId="2" applyFont="1" applyAlignment="1">
      <alignment vertical="center" shrinkToFit="1"/>
    </xf>
    <xf numFmtId="0" fontId="21" fillId="0" borderId="1" xfId="5" applyFont="1" applyBorder="1" applyAlignment="1">
      <alignment horizontal="center" vertical="center" shrinkToFit="1"/>
    </xf>
    <xf numFmtId="0" fontId="21" fillId="0" borderId="1" xfId="5" applyFont="1" applyBorder="1" applyAlignment="1">
      <alignment vertical="center"/>
    </xf>
    <xf numFmtId="0" fontId="21" fillId="0" borderId="4" xfId="5" applyFont="1" applyBorder="1" applyAlignment="1">
      <alignment vertical="center"/>
    </xf>
    <xf numFmtId="0" fontId="21" fillId="0" borderId="1" xfId="5" applyFont="1" applyBorder="1" applyAlignment="1">
      <alignment horizontal="center" vertical="center"/>
    </xf>
    <xf numFmtId="0" fontId="21" fillId="0" borderId="30" xfId="5" applyFont="1" applyBorder="1" applyAlignment="1">
      <alignment horizontal="left" vertical="center" wrapText="1"/>
    </xf>
    <xf numFmtId="0" fontId="21" fillId="0" borderId="3" xfId="5" applyFont="1" applyBorder="1" applyAlignment="1">
      <alignment horizontal="left" vertical="center"/>
    </xf>
    <xf numFmtId="0" fontId="10" fillId="0" borderId="2" xfId="1" applyFont="1" applyBorder="1" applyAlignment="1">
      <alignment horizontal="left" vertical="center" shrinkToFit="1"/>
    </xf>
    <xf numFmtId="0" fontId="10" fillId="0" borderId="18" xfId="1" applyFont="1" applyBorder="1" applyAlignment="1">
      <alignment horizontal="center" vertical="center"/>
    </xf>
    <xf numFmtId="0" fontId="10" fillId="0" borderId="31" xfId="1" applyFont="1" applyBorder="1" applyAlignment="1">
      <alignment horizontal="left" vertical="center"/>
    </xf>
    <xf numFmtId="0" fontId="10" fillId="0" borderId="2" xfId="1" applyFont="1" applyBorder="1" applyAlignment="1">
      <alignment horizontal="center" vertical="center" shrinkToFit="1"/>
    </xf>
    <xf numFmtId="0" fontId="15" fillId="2" borderId="1" xfId="0" applyFont="1" applyFill="1" applyBorder="1" applyAlignment="1">
      <alignment vertical="center" shrinkToFit="1"/>
    </xf>
    <xf numFmtId="0" fontId="0" fillId="0" borderId="0" xfId="1" applyFont="1" applyBorder="1" applyAlignment="1">
      <alignment vertical="center" shrinkToFit="1"/>
    </xf>
    <xf numFmtId="0" fontId="0" fillId="0" borderId="0" xfId="1" applyFont="1" applyAlignment="1">
      <alignment vertical="center" shrinkToFit="1"/>
    </xf>
    <xf numFmtId="0" fontId="0" fillId="0" borderId="0" xfId="1" applyFont="1" applyBorder="1" applyAlignment="1">
      <alignment vertical="distributed" shrinkToFit="1"/>
    </xf>
    <xf numFmtId="0" fontId="29" fillId="0" borderId="0" xfId="1" applyFont="1" applyAlignment="1">
      <alignment horizontal="center" vertical="center" shrinkToFit="1"/>
    </xf>
    <xf numFmtId="0" fontId="0" fillId="0" borderId="0" xfId="1" applyFont="1" applyBorder="1" applyAlignment="1">
      <alignment horizontal="right" vertical="distributed" shrinkToFit="1"/>
    </xf>
    <xf numFmtId="0" fontId="15" fillId="0" borderId="0" xfId="0" applyFont="1" applyAlignment="1">
      <alignment horizontal="right" vertical="center"/>
    </xf>
    <xf numFmtId="0" fontId="15" fillId="0" borderId="0" xfId="0" applyFont="1" applyAlignment="1">
      <alignment horizontal="center" vertical="center"/>
    </xf>
    <xf numFmtId="0" fontId="15" fillId="0" borderId="0" xfId="0" applyFont="1" applyAlignment="1">
      <alignment horizontal="left" vertical="center" wrapText="1"/>
    </xf>
    <xf numFmtId="0" fontId="12" fillId="0" borderId="30" xfId="0" applyFont="1" applyBorder="1" applyAlignment="1">
      <alignment horizontal="center" vertical="center" textRotation="255" shrinkToFit="1"/>
    </xf>
    <xf numFmtId="0" fontId="12" fillId="0" borderId="3" xfId="0" applyFont="1" applyBorder="1" applyAlignment="1">
      <alignment horizontal="center" vertical="center" textRotation="255" shrinkToFit="1"/>
    </xf>
    <xf numFmtId="0" fontId="12" fillId="0" borderId="31" xfId="0" applyFont="1" applyBorder="1" applyAlignment="1">
      <alignment horizontal="center" vertical="center" textRotation="255" shrinkToFit="1"/>
    </xf>
    <xf numFmtId="0" fontId="12" fillId="0" borderId="27" xfId="0" applyFont="1" applyBorder="1" applyAlignment="1">
      <alignment horizontal="center" vertical="center" textRotation="255" shrinkToFit="1"/>
    </xf>
    <xf numFmtId="0" fontId="12" fillId="0" borderId="0" xfId="0" applyFont="1" applyBorder="1" applyAlignment="1">
      <alignment horizontal="center" vertical="center" textRotation="255" shrinkToFit="1"/>
    </xf>
    <xf numFmtId="0" fontId="12" fillId="0" borderId="2" xfId="0" applyFont="1" applyBorder="1" applyAlignment="1">
      <alignment horizontal="center" vertical="center" textRotation="255" shrinkToFit="1"/>
    </xf>
    <xf numFmtId="0" fontId="12" fillId="0" borderId="21" xfId="0" applyFont="1" applyBorder="1" applyAlignment="1">
      <alignment horizontal="center" vertical="center" textRotation="255" shrinkToFit="1"/>
    </xf>
    <xf numFmtId="0" fontId="12" fillId="0" borderId="39" xfId="0" applyFont="1" applyBorder="1" applyAlignment="1">
      <alignment horizontal="center" vertical="center" textRotation="255" shrinkToFit="1"/>
    </xf>
    <xf numFmtId="0" fontId="12" fillId="0" borderId="17" xfId="0" applyFont="1" applyBorder="1" applyAlignment="1">
      <alignment horizontal="center" vertical="center" textRotation="255" shrinkToFit="1"/>
    </xf>
    <xf numFmtId="0" fontId="4" fillId="0" borderId="1" xfId="0" applyFont="1" applyBorder="1" applyAlignment="1">
      <alignment vertical="center"/>
    </xf>
    <xf numFmtId="0" fontId="4" fillId="0" borderId="30" xfId="0" applyFont="1" applyBorder="1" applyAlignment="1">
      <alignment horizontal="center" vertical="center" textRotation="255" shrinkToFit="1"/>
    </xf>
    <xf numFmtId="0" fontId="4" fillId="0" borderId="3" xfId="0" applyFont="1" applyBorder="1" applyAlignment="1">
      <alignment horizontal="center" vertical="center" textRotation="255" shrinkToFit="1"/>
    </xf>
    <xf numFmtId="0" fontId="4" fillId="0" borderId="31" xfId="0" applyFont="1" applyBorder="1" applyAlignment="1">
      <alignment horizontal="center" vertical="center" textRotation="255" shrinkToFit="1"/>
    </xf>
    <xf numFmtId="0" fontId="4" fillId="0" borderId="27" xfId="0" applyFont="1" applyBorder="1" applyAlignment="1">
      <alignment horizontal="center" vertical="center" textRotation="255" shrinkToFit="1"/>
    </xf>
    <xf numFmtId="0" fontId="4" fillId="0" borderId="0" xfId="0" applyFont="1" applyBorder="1" applyAlignment="1">
      <alignment horizontal="center" vertical="center" textRotation="255" shrinkToFit="1"/>
    </xf>
    <xf numFmtId="0" fontId="4" fillId="0" borderId="2" xfId="0" applyFont="1" applyBorder="1" applyAlignment="1">
      <alignment horizontal="center" vertical="center" textRotation="255" shrinkToFit="1"/>
    </xf>
    <xf numFmtId="0" fontId="4" fillId="0" borderId="21" xfId="0" applyFont="1" applyBorder="1" applyAlignment="1">
      <alignment horizontal="center" vertical="center" textRotation="255" shrinkToFit="1"/>
    </xf>
    <xf numFmtId="0" fontId="4" fillId="0" borderId="39" xfId="0" applyFont="1" applyBorder="1" applyAlignment="1">
      <alignment horizontal="center" vertical="center" textRotation="255" shrinkToFit="1"/>
    </xf>
    <xf numFmtId="0" fontId="4" fillId="0" borderId="17" xfId="0" applyFont="1" applyBorder="1" applyAlignment="1">
      <alignment horizontal="center" vertical="center" textRotation="255" shrinkToFit="1"/>
    </xf>
    <xf numFmtId="0" fontId="4" fillId="0" borderId="30" xfId="0" applyFont="1" applyBorder="1" applyAlignment="1">
      <alignment vertical="center" wrapText="1" shrinkToFit="1"/>
    </xf>
    <xf numFmtId="0" fontId="2" fillId="0" borderId="3" xfId="0" applyFont="1" applyBorder="1" applyAlignment="1">
      <alignment vertical="center" wrapText="1" shrinkToFit="1"/>
    </xf>
    <xf numFmtId="0" fontId="2" fillId="0" borderId="31" xfId="0" applyFont="1" applyBorder="1" applyAlignment="1">
      <alignment vertical="center" wrapText="1" shrinkToFit="1"/>
    </xf>
    <xf numFmtId="0" fontId="2" fillId="0" borderId="21" xfId="0" applyFont="1" applyBorder="1" applyAlignment="1">
      <alignment vertical="center" wrapText="1" shrinkToFit="1"/>
    </xf>
    <xf numFmtId="0" fontId="2" fillId="0" borderId="39" xfId="0" applyFont="1" applyBorder="1" applyAlignment="1">
      <alignment vertical="center" wrapText="1" shrinkToFit="1"/>
    </xf>
    <xf numFmtId="0" fontId="2" fillId="0" borderId="17" xfId="0" applyFont="1" applyBorder="1" applyAlignment="1">
      <alignment vertical="center" wrapText="1" shrinkToFit="1"/>
    </xf>
    <xf numFmtId="0" fontId="4" fillId="0" borderId="30" xfId="0" applyFont="1" applyBorder="1" applyAlignment="1">
      <alignment horizontal="center" vertical="center" shrinkToFit="1"/>
    </xf>
    <xf numFmtId="0" fontId="4" fillId="0" borderId="3" xfId="0" applyFont="1" applyBorder="1" applyAlignment="1">
      <alignment horizontal="center" vertical="center" shrinkToFit="1"/>
    </xf>
    <xf numFmtId="0" fontId="4" fillId="0" borderId="31" xfId="0" applyFont="1" applyBorder="1" applyAlignment="1">
      <alignment horizontal="center" vertical="center" shrinkToFit="1"/>
    </xf>
    <xf numFmtId="0" fontId="2" fillId="0" borderId="21" xfId="0" applyFont="1" applyBorder="1" applyAlignment="1">
      <alignment horizontal="center" vertical="center" shrinkToFit="1"/>
    </xf>
    <xf numFmtId="0" fontId="2" fillId="0" borderId="39" xfId="0" applyFont="1" applyBorder="1" applyAlignment="1">
      <alignment horizontal="center" vertical="center" shrinkToFit="1"/>
    </xf>
    <xf numFmtId="0" fontId="2" fillId="0" borderId="17" xfId="0" applyFont="1" applyBorder="1" applyAlignment="1">
      <alignment horizontal="center" vertical="center" shrinkToFit="1"/>
    </xf>
    <xf numFmtId="0" fontId="4" fillId="0" borderId="4" xfId="0" applyFont="1" applyBorder="1" applyAlignment="1">
      <alignment horizontal="center" vertical="center"/>
    </xf>
    <xf numFmtId="0" fontId="4" fillId="0" borderId="44" xfId="0" applyFont="1" applyBorder="1" applyAlignment="1">
      <alignment horizontal="center" vertical="center"/>
    </xf>
    <xf numFmtId="0" fontId="4" fillId="0" borderId="18" xfId="0" applyFont="1" applyBorder="1" applyAlignment="1">
      <alignment horizontal="center" vertical="center"/>
    </xf>
    <xf numFmtId="0" fontId="3" fillId="0" borderId="0" xfId="0" applyFont="1" applyAlignment="1">
      <alignment horizontal="center" vertical="center"/>
    </xf>
    <xf numFmtId="0" fontId="5" fillId="0" borderId="0" xfId="0" applyFont="1" applyAlignment="1">
      <alignment horizontal="center" vertical="center"/>
    </xf>
    <xf numFmtId="0" fontId="4" fillId="0" borderId="4" xfId="0" applyFont="1" applyBorder="1" applyAlignment="1">
      <alignment horizontal="center" vertical="center" shrinkToFit="1"/>
    </xf>
    <xf numFmtId="0" fontId="4" fillId="0" borderId="44" xfId="0" applyFont="1" applyBorder="1" applyAlignment="1">
      <alignment horizontal="center" vertical="center" shrinkToFit="1"/>
    </xf>
    <xf numFmtId="0" fontId="4" fillId="0" borderId="18" xfId="0" applyFont="1" applyBorder="1" applyAlignment="1">
      <alignment horizontal="center" vertical="center" shrinkToFit="1"/>
    </xf>
    <xf numFmtId="0" fontId="4" fillId="0" borderId="27" xfId="0" applyFont="1" applyBorder="1" applyAlignment="1">
      <alignment horizontal="center" vertical="center" shrinkToFit="1"/>
    </xf>
    <xf numFmtId="0" fontId="4" fillId="0" borderId="0" xfId="0" applyFont="1" applyBorder="1" applyAlignment="1">
      <alignment horizontal="center" vertical="center" shrinkToFit="1"/>
    </xf>
    <xf numFmtId="0" fontId="4" fillId="0" borderId="2" xfId="0" applyFont="1" applyBorder="1" applyAlignment="1">
      <alignment horizontal="center" vertical="center" shrinkToFit="1"/>
    </xf>
    <xf numFmtId="0" fontId="4" fillId="0" borderId="30" xfId="0" applyFont="1" applyBorder="1" applyAlignment="1">
      <alignment horizontal="center" vertical="center" wrapText="1"/>
    </xf>
    <xf numFmtId="0" fontId="4" fillId="0" borderId="3" xfId="0" applyFont="1" applyBorder="1" applyAlignment="1">
      <alignment horizontal="center" vertical="center" wrapText="1"/>
    </xf>
    <xf numFmtId="0" fontId="4" fillId="0" borderId="31" xfId="0" applyFont="1" applyBorder="1" applyAlignment="1">
      <alignment horizontal="center" vertical="center" wrapText="1"/>
    </xf>
    <xf numFmtId="0" fontId="4" fillId="0" borderId="21" xfId="0" applyFont="1" applyBorder="1" applyAlignment="1">
      <alignment horizontal="center" vertical="center" wrapText="1"/>
    </xf>
    <xf numFmtId="0" fontId="4" fillId="0" borderId="39"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30" xfId="0" applyFont="1" applyBorder="1" applyAlignment="1">
      <alignment horizontal="distributed" vertical="center" justifyLastLine="1"/>
    </xf>
    <xf numFmtId="0" fontId="4" fillId="0" borderId="3" xfId="0" applyFont="1" applyBorder="1" applyAlignment="1">
      <alignment horizontal="distributed" vertical="center" justifyLastLine="1"/>
    </xf>
    <xf numFmtId="0" fontId="4" fillId="0" borderId="31" xfId="0" applyFont="1" applyBorder="1" applyAlignment="1">
      <alignment horizontal="distributed" vertical="center" justifyLastLine="1"/>
    </xf>
    <xf numFmtId="0" fontId="4" fillId="0" borderId="1" xfId="0" applyFont="1" applyBorder="1" applyAlignment="1">
      <alignment horizontal="center" vertical="center" shrinkToFit="1"/>
    </xf>
    <xf numFmtId="0" fontId="4" fillId="0" borderId="4" xfId="0" applyFont="1" applyBorder="1" applyAlignment="1">
      <alignment horizontal="distributed" vertical="center"/>
    </xf>
    <xf numFmtId="0" fontId="4" fillId="0" borderId="44" xfId="0" applyFont="1" applyBorder="1" applyAlignment="1">
      <alignment horizontal="distributed" vertical="center"/>
    </xf>
    <xf numFmtId="0" fontId="4" fillId="0" borderId="18" xfId="0" applyFont="1" applyBorder="1" applyAlignment="1">
      <alignment horizontal="distributed" vertical="center"/>
    </xf>
    <xf numFmtId="0" fontId="4" fillId="0" borderId="27" xfId="0" applyFont="1" applyBorder="1" applyAlignment="1">
      <alignment horizontal="center" vertical="center"/>
    </xf>
    <xf numFmtId="0" fontId="4" fillId="0" borderId="0" xfId="0" applyFont="1" applyBorder="1" applyAlignment="1">
      <alignment horizontal="center" vertical="center"/>
    </xf>
    <xf numFmtId="0" fontId="4" fillId="0" borderId="2" xfId="0" applyFont="1" applyBorder="1" applyAlignment="1">
      <alignment horizontal="center" vertical="center"/>
    </xf>
    <xf numFmtId="0" fontId="4" fillId="0" borderId="21" xfId="0" applyFont="1" applyBorder="1" applyAlignment="1">
      <alignment horizontal="center" vertical="center"/>
    </xf>
    <xf numFmtId="0" fontId="4" fillId="0" borderId="39" xfId="0" applyFont="1" applyBorder="1" applyAlignment="1">
      <alignment horizontal="center" vertical="center"/>
    </xf>
    <xf numFmtId="0" fontId="4" fillId="0" borderId="17" xfId="0" applyFont="1" applyBorder="1" applyAlignment="1">
      <alignment horizontal="center" vertical="center"/>
    </xf>
    <xf numFmtId="0" fontId="4" fillId="0" borderId="4" xfId="0" applyFont="1" applyBorder="1" applyAlignment="1">
      <alignment horizontal="distributed" vertical="center" shrinkToFit="1"/>
    </xf>
    <xf numFmtId="0" fontId="4" fillId="0" borderId="44" xfId="0" applyFont="1" applyBorder="1" applyAlignment="1">
      <alignment horizontal="distributed" vertical="center" shrinkToFit="1"/>
    </xf>
    <xf numFmtId="0" fontId="4" fillId="0" borderId="18" xfId="0" applyFont="1" applyBorder="1" applyAlignment="1">
      <alignment horizontal="distributed" vertical="center" shrinkToFit="1"/>
    </xf>
    <xf numFmtId="0" fontId="4" fillId="0" borderId="18" xfId="0" applyFont="1" applyBorder="1" applyAlignment="1">
      <alignment horizontal="distributed" vertical="center" justifyLastLine="1"/>
    </xf>
    <xf numFmtId="0" fontId="4" fillId="0" borderId="1" xfId="0" applyFont="1" applyBorder="1" applyAlignment="1">
      <alignment horizontal="distributed" vertical="center" justifyLastLine="1"/>
    </xf>
    <xf numFmtId="0" fontId="2" fillId="0" borderId="3" xfId="0" applyFont="1" applyBorder="1" applyAlignment="1">
      <alignment horizontal="center" vertical="center" shrinkToFit="1"/>
    </xf>
    <xf numFmtId="0" fontId="2" fillId="0" borderId="31" xfId="0" applyFont="1" applyBorder="1" applyAlignment="1">
      <alignment horizontal="center" vertical="center" shrinkToFit="1"/>
    </xf>
    <xf numFmtId="0" fontId="17" fillId="0" borderId="4" xfId="0" applyFont="1" applyBorder="1" applyAlignment="1">
      <alignment horizontal="center" vertical="center"/>
    </xf>
    <xf numFmtId="0" fontId="17" fillId="0" borderId="18" xfId="0" applyFont="1" applyBorder="1" applyAlignment="1">
      <alignment horizontal="center" vertical="center"/>
    </xf>
    <xf numFmtId="0" fontId="17" fillId="0" borderId="44" xfId="0" applyFont="1" applyBorder="1" applyAlignment="1">
      <alignment horizontal="center" vertical="center"/>
    </xf>
    <xf numFmtId="0" fontId="17" fillId="0" borderId="12" xfId="0" applyFont="1" applyBorder="1" applyAlignment="1">
      <alignment horizontal="center" vertical="distributed" textRotation="255" indent="1"/>
    </xf>
    <xf numFmtId="0" fontId="17" fillId="0" borderId="1" xfId="0" applyFont="1" applyBorder="1" applyAlignment="1">
      <alignment horizontal="center" vertical="distributed" textRotation="255" indent="1"/>
    </xf>
    <xf numFmtId="0" fontId="21" fillId="0" borderId="45" xfId="0" applyFont="1" applyBorder="1" applyAlignment="1">
      <alignment horizontal="left" vertical="center" indent="1"/>
    </xf>
    <xf numFmtId="0" fontId="21" fillId="0" borderId="46" xfId="0" applyFont="1" applyBorder="1" applyAlignment="1">
      <alignment horizontal="left" vertical="center" indent="1"/>
    </xf>
    <xf numFmtId="0" fontId="21" fillId="0" borderId="47" xfId="0" applyFont="1" applyBorder="1" applyAlignment="1">
      <alignment horizontal="left" vertical="center" indent="1"/>
    </xf>
    <xf numFmtId="0" fontId="17" fillId="0" borderId="1" xfId="0" applyFont="1" applyBorder="1" applyAlignment="1">
      <alignment horizontal="center" vertical="center"/>
    </xf>
    <xf numFmtId="0" fontId="17" fillId="0" borderId="4" xfId="0" applyFont="1" applyBorder="1" applyAlignment="1">
      <alignment horizontal="distributed" vertical="center" indent="4"/>
    </xf>
    <xf numFmtId="0" fontId="17" fillId="0" borderId="44" xfId="0" applyFont="1" applyBorder="1" applyAlignment="1">
      <alignment horizontal="distributed" vertical="center" indent="4"/>
    </xf>
    <xf numFmtId="0" fontId="17" fillId="0" borderId="18" xfId="0" applyFont="1" applyBorder="1" applyAlignment="1">
      <alignment horizontal="distributed" vertical="center" indent="4"/>
    </xf>
    <xf numFmtId="0" fontId="21" fillId="0" borderId="36" xfId="0" applyFont="1" applyBorder="1" applyAlignment="1">
      <alignment horizontal="left" vertical="center" wrapText="1" indent="1"/>
    </xf>
    <xf numFmtId="0" fontId="21" fillId="0" borderId="48" xfId="0" applyFont="1" applyBorder="1" applyAlignment="1">
      <alignment horizontal="left" vertical="center" indent="1"/>
    </xf>
    <xf numFmtId="0" fontId="21" fillId="0" borderId="49" xfId="0" applyFont="1" applyBorder="1" applyAlignment="1">
      <alignment horizontal="left" vertical="center" indent="1"/>
    </xf>
    <xf numFmtId="0" fontId="21" fillId="0" borderId="50" xfId="0" applyFont="1" applyBorder="1" applyAlignment="1">
      <alignment horizontal="left" vertical="center" indent="1"/>
    </xf>
    <xf numFmtId="0" fontId="21" fillId="0" borderId="37" xfId="0" applyFont="1" applyBorder="1" applyAlignment="1">
      <alignment horizontal="left" vertical="center" wrapText="1" indent="1"/>
    </xf>
    <xf numFmtId="0" fontId="21" fillId="0" borderId="51" xfId="0" applyFont="1" applyBorder="1" applyAlignment="1">
      <alignment horizontal="left" vertical="center" indent="1"/>
    </xf>
    <xf numFmtId="0" fontId="21" fillId="0" borderId="52" xfId="0" applyFont="1" applyBorder="1" applyAlignment="1">
      <alignment horizontal="left" vertical="center" indent="1"/>
    </xf>
    <xf numFmtId="0" fontId="21" fillId="0" borderId="53" xfId="0" applyFont="1" applyBorder="1" applyAlignment="1">
      <alignment horizontal="left" vertical="center" indent="1"/>
    </xf>
    <xf numFmtId="0" fontId="21" fillId="0" borderId="38" xfId="0" applyFont="1" applyBorder="1" applyAlignment="1">
      <alignment horizontal="left" vertical="center" wrapText="1" indent="1"/>
    </xf>
    <xf numFmtId="0" fontId="17" fillId="0" borderId="21" xfId="0" applyFont="1" applyBorder="1" applyAlignment="1">
      <alignment horizontal="distributed" vertical="center" indent="3"/>
    </xf>
    <xf numFmtId="0" fontId="17" fillId="0" borderId="39" xfId="0" applyFont="1" applyBorder="1" applyAlignment="1">
      <alignment horizontal="distributed" vertical="center" indent="3"/>
    </xf>
    <xf numFmtId="0" fontId="17" fillId="0" borderId="17" xfId="0" applyFont="1" applyBorder="1" applyAlignment="1">
      <alignment horizontal="distributed" vertical="center" indent="3"/>
    </xf>
    <xf numFmtId="0" fontId="17" fillId="0" borderId="12" xfId="0" applyFont="1" applyBorder="1" applyAlignment="1">
      <alignment horizontal="center" vertical="center"/>
    </xf>
    <xf numFmtId="0" fontId="17" fillId="0" borderId="4" xfId="0" applyFont="1" applyBorder="1" applyAlignment="1">
      <alignment horizontal="distributed" vertical="center" indent="5"/>
    </xf>
    <xf numFmtId="0" fontId="17" fillId="0" borderId="44" xfId="0" applyFont="1" applyBorder="1" applyAlignment="1">
      <alignment horizontal="distributed" vertical="center" indent="5"/>
    </xf>
    <xf numFmtId="0" fontId="17" fillId="0" borderId="18" xfId="0" applyFont="1" applyBorder="1" applyAlignment="1">
      <alignment horizontal="distributed" vertical="center" indent="5"/>
    </xf>
    <xf numFmtId="0" fontId="21" fillId="0" borderId="36" xfId="0" applyFont="1" applyBorder="1" applyAlignment="1">
      <alignment horizontal="left" vertical="center" indent="1"/>
    </xf>
    <xf numFmtId="0" fontId="21" fillId="0" borderId="37" xfId="0" applyFont="1" applyBorder="1" applyAlignment="1">
      <alignment horizontal="left" vertical="center" indent="1"/>
    </xf>
    <xf numFmtId="0" fontId="21" fillId="0" borderId="38" xfId="0" applyFont="1" applyBorder="1" applyAlignment="1">
      <alignment horizontal="left" vertical="center" indent="1"/>
    </xf>
    <xf numFmtId="0" fontId="24" fillId="0" borderId="0" xfId="0" applyFont="1" applyAlignment="1">
      <alignment horizontal="distributed" vertical="center" indent="9"/>
    </xf>
    <xf numFmtId="0" fontId="18" fillId="0" borderId="0" xfId="0" applyFont="1" applyAlignment="1">
      <alignment horizontal="right" vertical="center"/>
    </xf>
    <xf numFmtId="0" fontId="17" fillId="0" borderId="1" xfId="0" applyFont="1" applyBorder="1" applyAlignment="1">
      <alignment horizontal="distributed" vertical="center" indent="1"/>
    </xf>
    <xf numFmtId="0" fontId="17" fillId="0" borderId="1" xfId="0" applyFont="1" applyBorder="1" applyAlignment="1">
      <alignment horizontal="left" vertical="center"/>
    </xf>
    <xf numFmtId="0" fontId="16" fillId="0" borderId="0" xfId="0" applyFont="1" applyAlignment="1">
      <alignment horizontal="distributed" vertical="center" indent="7"/>
    </xf>
    <xf numFmtId="0" fontId="15" fillId="0" borderId="0" xfId="0" applyFont="1" applyAlignment="1">
      <alignment horizontal="left" vertical="distributed" wrapText="1"/>
    </xf>
    <xf numFmtId="0" fontId="17" fillId="0" borderId="1" xfId="0" applyFont="1" applyBorder="1" applyAlignment="1">
      <alignment horizontal="center" vertical="distributed" textRotation="255" indent="2"/>
    </xf>
    <xf numFmtId="0" fontId="17" fillId="0" borderId="1" xfId="0" applyFont="1" applyBorder="1" applyAlignment="1">
      <alignment horizontal="distributed" vertical="center" indent="5"/>
    </xf>
    <xf numFmtId="0" fontId="17" fillId="0" borderId="30" xfId="0" applyFont="1" applyBorder="1" applyAlignment="1">
      <alignment horizontal="distributed" vertical="center" wrapText="1" indent="1"/>
    </xf>
    <xf numFmtId="0" fontId="17" fillId="0" borderId="3" xfId="0" applyFont="1" applyBorder="1" applyAlignment="1">
      <alignment horizontal="distributed" vertical="center" wrapText="1" indent="1"/>
    </xf>
    <xf numFmtId="0" fontId="17" fillId="0" borderId="0" xfId="0" applyFont="1" applyBorder="1" applyAlignment="1">
      <alignment horizontal="distributed" vertical="center" wrapText="1" indent="1"/>
    </xf>
    <xf numFmtId="0" fontId="17" fillId="0" borderId="2" xfId="0" applyFont="1" applyBorder="1" applyAlignment="1">
      <alignment horizontal="distributed" vertical="center" wrapText="1" indent="1"/>
    </xf>
    <xf numFmtId="0" fontId="17" fillId="0" borderId="27" xfId="0" applyFont="1" applyBorder="1" applyAlignment="1">
      <alignment horizontal="distributed" vertical="center" wrapText="1" indent="1"/>
    </xf>
    <xf numFmtId="0" fontId="17" fillId="0" borderId="21" xfId="0" applyFont="1" applyBorder="1" applyAlignment="1">
      <alignment horizontal="distributed" vertical="center" wrapText="1" indent="1"/>
    </xf>
    <xf numFmtId="0" fontId="17" fillId="0" borderId="39" xfId="0" applyFont="1" applyBorder="1" applyAlignment="1">
      <alignment horizontal="distributed" vertical="center" wrapText="1" indent="1"/>
    </xf>
    <xf numFmtId="0" fontId="17" fillId="0" borderId="17" xfId="0" applyFont="1" applyBorder="1" applyAlignment="1">
      <alignment horizontal="distributed" vertical="center" wrapText="1" indent="1"/>
    </xf>
    <xf numFmtId="0" fontId="17" fillId="0" borderId="4" xfId="0" applyFont="1" applyBorder="1" applyAlignment="1">
      <alignment horizontal="right" vertical="center" indent="1"/>
    </xf>
    <xf numFmtId="0" fontId="17" fillId="0" borderId="18" xfId="0" applyFont="1" applyBorder="1" applyAlignment="1">
      <alignment horizontal="right" vertical="center" indent="1"/>
    </xf>
    <xf numFmtId="0" fontId="17" fillId="0" borderId="4" xfId="0" applyFont="1" applyBorder="1" applyAlignment="1">
      <alignment horizontal="distributed" vertical="center" indent="1"/>
    </xf>
    <xf numFmtId="0" fontId="17" fillId="0" borderId="18" xfId="0" applyFont="1" applyBorder="1" applyAlignment="1">
      <alignment horizontal="distributed" vertical="center" indent="1"/>
    </xf>
    <xf numFmtId="0" fontId="17" fillId="0" borderId="5" xfId="0" applyFont="1" applyBorder="1" applyAlignment="1">
      <alignment horizontal="distributed" vertical="center" indent="1"/>
    </xf>
    <xf numFmtId="0" fontId="16" fillId="0" borderId="0" xfId="0" applyFont="1" applyAlignment="1">
      <alignment horizontal="distributed" vertical="center" indent="8"/>
    </xf>
    <xf numFmtId="0" fontId="21" fillId="0" borderId="1" xfId="2" applyFont="1" applyBorder="1" applyAlignment="1">
      <alignment horizontal="center" vertical="center" shrinkToFit="1"/>
    </xf>
    <xf numFmtId="0" fontId="21" fillId="0" borderId="5" xfId="3" applyFont="1" applyBorder="1" applyAlignment="1">
      <alignment horizontal="center" vertical="center"/>
    </xf>
    <xf numFmtId="0" fontId="21" fillId="0" borderId="12" xfId="3" applyFont="1" applyBorder="1" applyAlignment="1">
      <alignment horizontal="center" vertical="center"/>
    </xf>
    <xf numFmtId="0" fontId="21" fillId="0" borderId="4" xfId="3" applyFont="1" applyBorder="1" applyAlignment="1">
      <alignment horizontal="right" vertical="center"/>
    </xf>
    <xf numFmtId="0" fontId="21" fillId="0" borderId="44" xfId="3" applyFont="1" applyBorder="1" applyAlignment="1">
      <alignment horizontal="right" vertical="center"/>
    </xf>
    <xf numFmtId="0" fontId="21" fillId="0" borderId="18" xfId="3" applyFont="1" applyBorder="1" applyAlignment="1">
      <alignment horizontal="right" vertical="center"/>
    </xf>
    <xf numFmtId="0" fontId="21" fillId="0" borderId="5" xfId="2" applyFont="1" applyBorder="1" applyAlignment="1">
      <alignment horizontal="left" vertical="center" wrapText="1" shrinkToFit="1"/>
    </xf>
    <xf numFmtId="0" fontId="21" fillId="0" borderId="12" xfId="2" applyFont="1" applyBorder="1" applyAlignment="1">
      <alignment horizontal="left" vertical="center" wrapText="1" shrinkToFit="1"/>
    </xf>
    <xf numFmtId="0" fontId="21" fillId="0" borderId="3" xfId="2" applyFont="1" applyFill="1" applyBorder="1" applyAlignment="1">
      <alignment horizontal="center" vertical="center" shrinkToFit="1"/>
    </xf>
    <xf numFmtId="0" fontId="21" fillId="0" borderId="31" xfId="2" applyFont="1" applyFill="1" applyBorder="1" applyAlignment="1">
      <alignment horizontal="center" vertical="center" shrinkToFit="1"/>
    </xf>
    <xf numFmtId="0" fontId="21" fillId="3" borderId="4" xfId="2" applyFont="1" applyFill="1" applyBorder="1" applyAlignment="1">
      <alignment horizontal="center" vertical="center" shrinkToFit="1"/>
    </xf>
    <xf numFmtId="0" fontId="21" fillId="3" borderId="44" xfId="2" applyFont="1" applyFill="1" applyBorder="1" applyAlignment="1">
      <alignment horizontal="center" vertical="center" shrinkToFit="1"/>
    </xf>
    <xf numFmtId="0" fontId="21" fillId="3" borderId="18" xfId="2" applyFont="1" applyFill="1" applyBorder="1" applyAlignment="1">
      <alignment horizontal="center" vertical="center" shrinkToFit="1"/>
    </xf>
    <xf numFmtId="0" fontId="21" fillId="0" borderId="5" xfId="4" applyFont="1" applyBorder="1" applyAlignment="1">
      <alignment horizontal="center" vertical="center"/>
    </xf>
    <xf numFmtId="0" fontId="21" fillId="0" borderId="12" xfId="4" applyFont="1" applyBorder="1" applyAlignment="1">
      <alignment horizontal="center" vertical="center"/>
    </xf>
    <xf numFmtId="0" fontId="21" fillId="0" borderId="5" xfId="2" applyFont="1" applyBorder="1" applyAlignment="1">
      <alignment horizontal="center" vertical="center" shrinkToFit="1"/>
    </xf>
    <xf numFmtId="0" fontId="21" fillId="0" borderId="12" xfId="2" applyFont="1" applyBorder="1" applyAlignment="1">
      <alignment horizontal="center" vertical="center" shrinkToFit="1"/>
    </xf>
    <xf numFmtId="0" fontId="21" fillId="0" borderId="5" xfId="3" applyFont="1" applyBorder="1" applyAlignment="1">
      <alignment horizontal="center" vertical="center" shrinkToFit="1"/>
    </xf>
    <xf numFmtId="0" fontId="21" fillId="0" borderId="29" xfId="3" applyFont="1" applyBorder="1" applyAlignment="1">
      <alignment horizontal="center" vertical="center" shrinkToFit="1"/>
    </xf>
    <xf numFmtId="0" fontId="21" fillId="0" borderId="12" xfId="3" applyFont="1" applyBorder="1" applyAlignment="1">
      <alignment horizontal="center" vertical="center" shrinkToFit="1"/>
    </xf>
    <xf numFmtId="0" fontId="21" fillId="0" borderId="29" xfId="3" applyFont="1" applyBorder="1" applyAlignment="1">
      <alignment horizontal="center" vertical="center"/>
    </xf>
    <xf numFmtId="0" fontId="21" fillId="0" borderId="5" xfId="3" applyFont="1" applyBorder="1" applyAlignment="1">
      <alignment horizontal="center" vertical="center" textRotation="255" wrapText="1"/>
    </xf>
    <xf numFmtId="0" fontId="21" fillId="0" borderId="29" xfId="3" applyFont="1" applyBorder="1" applyAlignment="1">
      <alignment horizontal="center" vertical="center" textRotation="255" wrapText="1"/>
    </xf>
    <xf numFmtId="0" fontId="21" fillId="0" borderId="12" xfId="3" applyFont="1" applyBorder="1" applyAlignment="1">
      <alignment horizontal="center" vertical="center" textRotation="255" wrapText="1"/>
    </xf>
    <xf numFmtId="0" fontId="21" fillId="0" borderId="0" xfId="2" applyFont="1" applyAlignment="1">
      <alignment vertical="center" shrinkToFit="1"/>
    </xf>
    <xf numFmtId="0" fontId="21" fillId="0" borderId="0" xfId="0" applyFont="1" applyAlignment="1">
      <alignment vertical="center" shrinkToFit="1"/>
    </xf>
    <xf numFmtId="0" fontId="21" fillId="0" borderId="4" xfId="2" applyFont="1" applyBorder="1" applyAlignment="1">
      <alignment horizontal="center" vertical="center" shrinkToFit="1"/>
    </xf>
    <xf numFmtId="0" fontId="21" fillId="0" borderId="44" xfId="2" applyFont="1" applyBorder="1" applyAlignment="1">
      <alignment horizontal="center" vertical="center" shrinkToFit="1"/>
    </xf>
    <xf numFmtId="0" fontId="21" fillId="0" borderId="18" xfId="2" applyFont="1" applyBorder="1" applyAlignment="1">
      <alignment horizontal="center" vertical="center" shrinkToFit="1"/>
    </xf>
    <xf numFmtId="0" fontId="21" fillId="0" borderId="5" xfId="3" applyFont="1" applyBorder="1" applyAlignment="1">
      <alignment vertical="center" textRotation="255" wrapText="1"/>
    </xf>
    <xf numFmtId="0" fontId="21" fillId="0" borderId="29" xfId="3" applyFont="1" applyBorder="1" applyAlignment="1">
      <alignment vertical="center" textRotation="255"/>
    </xf>
    <xf numFmtId="0" fontId="21" fillId="3" borderId="3" xfId="2" applyFont="1" applyFill="1" applyBorder="1" applyAlignment="1">
      <alignment horizontal="center" vertical="center" shrinkToFit="1"/>
    </xf>
    <xf numFmtId="0" fontId="21" fillId="3" borderId="31" xfId="2" applyFont="1" applyFill="1" applyBorder="1" applyAlignment="1">
      <alignment horizontal="center" vertical="center" shrinkToFit="1"/>
    </xf>
    <xf numFmtId="0" fontId="21" fillId="0" borderId="5" xfId="3" applyFont="1" applyBorder="1" applyAlignment="1">
      <alignment horizontal="center" vertical="center" wrapText="1"/>
    </xf>
    <xf numFmtId="0" fontId="17" fillId="0" borderId="29" xfId="0" applyFont="1" applyBorder="1" applyAlignment="1">
      <alignment horizontal="center" vertical="center" wrapText="1"/>
    </xf>
    <xf numFmtId="0" fontId="21" fillId="0" borderId="1" xfId="3" applyFont="1" applyBorder="1" applyAlignment="1">
      <alignment horizontal="center" vertical="center" wrapText="1"/>
    </xf>
    <xf numFmtId="0" fontId="17" fillId="0" borderId="1" xfId="0" applyFont="1" applyBorder="1" applyAlignment="1">
      <alignment horizontal="center" vertical="center" wrapText="1"/>
    </xf>
    <xf numFmtId="0" fontId="22" fillId="0" borderId="0" xfId="2" applyFont="1" applyAlignment="1">
      <alignment horizontal="center" shrinkToFit="1"/>
    </xf>
    <xf numFmtId="0" fontId="21" fillId="0" borderId="39" xfId="2" applyFont="1" applyBorder="1" applyAlignment="1">
      <alignment shrinkToFit="1"/>
    </xf>
    <xf numFmtId="0" fontId="21" fillId="0" borderId="5" xfId="2" applyFont="1" applyBorder="1" applyAlignment="1">
      <alignment horizontal="center" vertical="center" textRotation="255" shrinkToFit="1"/>
    </xf>
    <xf numFmtId="0" fontId="21" fillId="0" borderId="29" xfId="2" applyFont="1" applyBorder="1" applyAlignment="1">
      <alignment horizontal="center" vertical="center" textRotation="255" shrinkToFit="1"/>
    </xf>
    <xf numFmtId="0" fontId="21" fillId="0" borderId="12" xfId="2" applyFont="1" applyBorder="1" applyAlignment="1">
      <alignment horizontal="center" vertical="center" textRotation="255" shrinkToFit="1"/>
    </xf>
    <xf numFmtId="0" fontId="20" fillId="0" borderId="4" xfId="2" applyFont="1" applyBorder="1" applyAlignment="1">
      <alignment horizontal="center" vertical="center" shrinkToFit="1"/>
    </xf>
    <xf numFmtId="0" fontId="21" fillId="0" borderId="30" xfId="3" applyFont="1" applyBorder="1" applyAlignment="1">
      <alignment horizontal="center" vertical="center"/>
    </xf>
    <xf numFmtId="0" fontId="21" fillId="0" borderId="31" xfId="3" applyFont="1" applyBorder="1"/>
    <xf numFmtId="0" fontId="21" fillId="0" borderId="21" xfId="3" applyFont="1" applyBorder="1"/>
    <xf numFmtId="0" fontId="21" fillId="0" borderId="17" xfId="3" applyFont="1" applyBorder="1"/>
    <xf numFmtId="0" fontId="21" fillId="0" borderId="30" xfId="4" applyFont="1" applyBorder="1" applyAlignment="1">
      <alignment horizontal="center" vertical="center"/>
    </xf>
    <xf numFmtId="0" fontId="21" fillId="0" borderId="31" xfId="4" applyFont="1" applyBorder="1" applyAlignment="1">
      <alignment vertical="center"/>
    </xf>
    <xf numFmtId="0" fontId="21" fillId="0" borderId="21" xfId="4" applyFont="1" applyBorder="1" applyAlignment="1">
      <alignment vertical="center"/>
    </xf>
    <xf numFmtId="0" fontId="21" fillId="0" borderId="17" xfId="4" applyFont="1" applyBorder="1" applyAlignment="1">
      <alignment vertical="center"/>
    </xf>
    <xf numFmtId="0" fontId="21" fillId="0" borderId="31" xfId="4" applyFont="1" applyBorder="1" applyAlignment="1">
      <alignment horizontal="center" vertical="center"/>
    </xf>
    <xf numFmtId="0" fontId="21" fillId="0" borderId="21" xfId="4" applyFont="1" applyBorder="1" applyAlignment="1">
      <alignment horizontal="center" vertical="center"/>
    </xf>
    <xf numFmtId="0" fontId="21" fillId="0" borderId="17" xfId="4" applyFont="1" applyBorder="1" applyAlignment="1">
      <alignment horizontal="center" vertical="center"/>
    </xf>
    <xf numFmtId="0" fontId="21" fillId="0" borderId="5" xfId="4" applyFont="1" applyBorder="1" applyAlignment="1">
      <alignment horizontal="left" vertical="center" wrapText="1"/>
    </xf>
    <xf numFmtId="0" fontId="21" fillId="0" borderId="12" xfId="4" applyFont="1" applyBorder="1" applyAlignment="1">
      <alignment horizontal="left" vertical="center" wrapText="1"/>
    </xf>
    <xf numFmtId="0" fontId="21" fillId="0" borderId="5" xfId="4" applyFont="1" applyBorder="1" applyAlignment="1">
      <alignment horizontal="center" vertical="center" wrapText="1"/>
    </xf>
    <xf numFmtId="0" fontId="21" fillId="0" borderId="12" xfId="4" applyFont="1" applyBorder="1" applyAlignment="1">
      <alignment horizontal="center" vertical="center" wrapText="1"/>
    </xf>
    <xf numFmtId="0" fontId="21" fillId="0" borderId="4" xfId="5" applyFont="1" applyBorder="1" applyAlignment="1">
      <alignment horizontal="center" vertical="center"/>
    </xf>
    <xf numFmtId="0" fontId="21" fillId="0" borderId="44" xfId="5" applyFont="1" applyBorder="1" applyAlignment="1">
      <alignment horizontal="center" vertical="center"/>
    </xf>
    <xf numFmtId="0" fontId="21" fillId="0" borderId="5" xfId="4" applyFont="1" applyBorder="1" applyAlignment="1">
      <alignment vertical="center" textRotation="255" wrapText="1"/>
    </xf>
    <xf numFmtId="0" fontId="21" fillId="0" borderId="29" xfId="4" applyFont="1" applyBorder="1" applyAlignment="1">
      <alignment vertical="center" textRotation="255" wrapText="1"/>
    </xf>
    <xf numFmtId="0" fontId="21" fillId="0" borderId="29" xfId="4" applyFont="1" applyBorder="1" applyAlignment="1">
      <alignment vertical="center" textRotation="255"/>
    </xf>
    <xf numFmtId="0" fontId="21" fillId="0" borderId="27" xfId="4" applyFont="1" applyBorder="1" applyAlignment="1">
      <alignment horizontal="right" vertical="center" shrinkToFit="1"/>
    </xf>
    <xf numFmtId="0" fontId="17" fillId="0" borderId="2" xfId="0" applyFont="1" applyBorder="1" applyAlignment="1">
      <alignment horizontal="right" vertical="center" shrinkToFit="1"/>
    </xf>
    <xf numFmtId="0" fontId="21" fillId="0" borderId="12" xfId="4" applyFont="1" applyBorder="1" applyAlignment="1">
      <alignment vertical="center" textRotation="255"/>
    </xf>
    <xf numFmtId="0" fontId="21" fillId="0" borderId="27" xfId="5" applyFont="1" applyBorder="1" applyAlignment="1">
      <alignment horizontal="left" vertical="center" shrinkToFit="1"/>
    </xf>
    <xf numFmtId="0" fontId="17" fillId="0" borderId="0" xfId="0" applyFont="1" applyAlignment="1">
      <alignment horizontal="left" vertical="center" shrinkToFit="1"/>
    </xf>
    <xf numFmtId="0" fontId="17" fillId="0" borderId="0" xfId="0" applyFont="1" applyBorder="1" applyAlignment="1">
      <alignment horizontal="left" vertical="center" shrinkToFit="1"/>
    </xf>
    <xf numFmtId="0" fontId="21" fillId="0" borderId="29" xfId="4" applyFont="1" applyBorder="1" applyAlignment="1">
      <alignment horizontal="center" vertical="center" wrapText="1"/>
    </xf>
    <xf numFmtId="0" fontId="21" fillId="0" borderId="31" xfId="3" applyFont="1" applyBorder="1" applyAlignment="1">
      <alignment horizontal="center" vertical="center"/>
    </xf>
    <xf numFmtId="0" fontId="21" fillId="0" borderId="21" xfId="3" applyFont="1" applyBorder="1" applyAlignment="1">
      <alignment horizontal="center" vertical="center"/>
    </xf>
    <xf numFmtId="0" fontId="21" fillId="0" borderId="17" xfId="3" applyFont="1" applyBorder="1" applyAlignment="1">
      <alignment horizontal="center" vertical="center"/>
    </xf>
    <xf numFmtId="0" fontId="21" fillId="0" borderId="1" xfId="5" applyFont="1" applyBorder="1" applyAlignment="1">
      <alignment horizontal="center" vertical="center"/>
    </xf>
    <xf numFmtId="0" fontId="21" fillId="0" borderId="18" xfId="5" applyFont="1" applyBorder="1" applyAlignment="1">
      <alignment horizontal="center" vertical="center"/>
    </xf>
    <xf numFmtId="0" fontId="21" fillId="0" borderId="4" xfId="5" applyFont="1" applyFill="1" applyBorder="1" applyAlignment="1">
      <alignment horizontal="center" vertical="center" shrinkToFit="1"/>
    </xf>
    <xf numFmtId="0" fontId="21" fillId="0" borderId="44" xfId="5" applyFont="1" applyFill="1" applyBorder="1" applyAlignment="1">
      <alignment horizontal="center" vertical="center" shrinkToFit="1"/>
    </xf>
    <xf numFmtId="0" fontId="21" fillId="0" borderId="18" xfId="5" applyFont="1" applyFill="1" applyBorder="1" applyAlignment="1">
      <alignment horizontal="center" vertical="center" shrinkToFit="1"/>
    </xf>
    <xf numFmtId="0" fontId="21" fillId="0" borderId="1" xfId="5" applyFont="1" applyBorder="1" applyAlignment="1">
      <alignment horizontal="center" vertical="center" shrinkToFit="1"/>
    </xf>
    <xf numFmtId="0" fontId="21" fillId="0" borderId="30" xfId="5" applyFont="1" applyBorder="1" applyAlignment="1">
      <alignment horizontal="left" vertical="center" wrapText="1"/>
    </xf>
    <xf numFmtId="0" fontId="21" fillId="0" borderId="3" xfId="5" applyFont="1" applyBorder="1" applyAlignment="1">
      <alignment horizontal="left" vertical="center"/>
    </xf>
    <xf numFmtId="0" fontId="21" fillId="0" borderId="31" xfId="5" applyFont="1" applyBorder="1" applyAlignment="1">
      <alignment horizontal="left" vertical="center"/>
    </xf>
    <xf numFmtId="0" fontId="21" fillId="0" borderId="1" xfId="5" applyFont="1" applyBorder="1" applyAlignment="1">
      <alignment vertical="center"/>
    </xf>
    <xf numFmtId="0" fontId="21" fillId="0" borderId="4" xfId="5" applyFont="1" applyBorder="1" applyAlignment="1">
      <alignment vertical="center"/>
    </xf>
    <xf numFmtId="0" fontId="21" fillId="0" borderId="44" xfId="5" applyFont="1" applyBorder="1" applyAlignment="1">
      <alignment vertical="center"/>
    </xf>
    <xf numFmtId="0" fontId="21" fillId="0" borderId="18" xfId="5" applyFont="1" applyBorder="1" applyAlignment="1">
      <alignment vertical="center"/>
    </xf>
    <xf numFmtId="0" fontId="21" fillId="0" borderId="30" xfId="5" applyFont="1" applyBorder="1" applyAlignment="1">
      <alignment horizontal="center" vertical="center" wrapText="1" shrinkToFit="1"/>
    </xf>
    <xf numFmtId="0" fontId="17" fillId="0" borderId="3" xfId="0" applyFont="1" applyBorder="1" applyAlignment="1">
      <alignment horizontal="center" vertical="center" shrinkToFit="1"/>
    </xf>
    <xf numFmtId="0" fontId="17" fillId="0" borderId="31" xfId="0" applyFont="1" applyBorder="1" applyAlignment="1">
      <alignment horizontal="center" vertical="center" shrinkToFit="1"/>
    </xf>
    <xf numFmtId="0" fontId="21" fillId="0" borderId="21" xfId="5" applyFont="1" applyBorder="1" applyAlignment="1">
      <alignment horizontal="center" vertical="center" shrinkToFit="1"/>
    </xf>
    <xf numFmtId="0" fontId="17" fillId="0" borderId="39" xfId="0" applyFont="1" applyBorder="1" applyAlignment="1">
      <alignment horizontal="center" vertical="center" shrinkToFit="1"/>
    </xf>
    <xf numFmtId="0" fontId="17" fillId="0" borderId="17" xfId="0" applyFont="1" applyBorder="1" applyAlignment="1">
      <alignment horizontal="center" vertical="center" shrinkToFit="1"/>
    </xf>
    <xf numFmtId="0" fontId="13" fillId="0" borderId="29" xfId="0" applyFont="1" applyBorder="1" applyAlignment="1">
      <alignment horizontal="center" vertical="top" wrapText="1" shrinkToFit="1"/>
    </xf>
    <xf numFmtId="0" fontId="13" fillId="0" borderId="12" xfId="0" applyFont="1" applyBorder="1" applyAlignment="1">
      <alignment horizontal="center" vertical="top" wrapText="1" shrinkToFit="1"/>
    </xf>
    <xf numFmtId="0" fontId="12" fillId="0" borderId="27" xfId="0" applyFont="1" applyBorder="1" applyAlignment="1">
      <alignment horizontal="center" vertical="center" shrinkToFit="1"/>
    </xf>
    <xf numFmtId="0" fontId="12" fillId="0" borderId="30" xfId="0" applyFont="1" applyBorder="1" applyAlignment="1">
      <alignment horizontal="center" vertical="center" shrinkToFit="1"/>
    </xf>
    <xf numFmtId="0" fontId="5" fillId="0" borderId="0" xfId="1" applyFont="1" applyAlignment="1">
      <alignment horizontal="center" vertical="center" shrinkToFit="1"/>
    </xf>
    <xf numFmtId="0" fontId="5" fillId="0" borderId="0" xfId="0" applyFont="1" applyAlignment="1">
      <alignment vertical="center" shrinkToFit="1"/>
    </xf>
    <xf numFmtId="0" fontId="12" fillId="0" borderId="0" xfId="0" applyFont="1" applyAlignment="1">
      <alignment horizontal="right" vertical="center" shrinkToFit="1"/>
    </xf>
    <xf numFmtId="0" fontId="12" fillId="0" borderId="1" xfId="0" applyFont="1" applyBorder="1" applyAlignment="1">
      <alignment horizontal="center" vertical="center" shrinkToFit="1"/>
    </xf>
    <xf numFmtId="0" fontId="12" fillId="0" borderId="18" xfId="0" applyFont="1" applyBorder="1" applyAlignment="1">
      <alignment horizontal="center" vertical="center" shrinkToFit="1"/>
    </xf>
    <xf numFmtId="0" fontId="12" fillId="0" borderId="4" xfId="0" applyFont="1" applyBorder="1" applyAlignment="1">
      <alignment horizontal="center" vertical="center" shrinkToFit="1"/>
    </xf>
    <xf numFmtId="0" fontId="14" fillId="0" borderId="6" xfId="1" applyFont="1" applyBorder="1" applyAlignment="1">
      <alignment horizontal="center" vertical="center" shrinkToFit="1"/>
    </xf>
    <xf numFmtId="0" fontId="14" fillId="0" borderId="7" xfId="1" applyFont="1" applyBorder="1" applyAlignment="1">
      <alignment horizontal="center" vertical="center" shrinkToFit="1"/>
    </xf>
    <xf numFmtId="0" fontId="13" fillId="0" borderId="6" xfId="1" applyFont="1" applyBorder="1" applyAlignment="1">
      <alignment horizontal="center" vertical="center" shrinkToFit="1"/>
    </xf>
    <xf numFmtId="0" fontId="13" fillId="0" borderId="7" xfId="1" applyFont="1" applyBorder="1" applyAlignment="1">
      <alignment horizontal="center" vertical="center" shrinkToFit="1"/>
    </xf>
    <xf numFmtId="0" fontId="13" fillId="0" borderId="11" xfId="1" applyFont="1" applyBorder="1" applyAlignment="1">
      <alignment horizontal="center" vertical="center" shrinkToFit="1"/>
    </xf>
    <xf numFmtId="0" fontId="13" fillId="0" borderId="13" xfId="1" applyFont="1" applyBorder="1" applyAlignment="1">
      <alignment horizontal="center" vertical="center" shrinkToFit="1"/>
    </xf>
    <xf numFmtId="0" fontId="13" fillId="0" borderId="8" xfId="1" applyFont="1" applyBorder="1" applyAlignment="1">
      <alignment horizontal="center" vertical="center" shrinkToFit="1"/>
    </xf>
    <xf numFmtId="0" fontId="13" fillId="0" borderId="10" xfId="1" applyFont="1" applyBorder="1" applyAlignment="1">
      <alignment horizontal="center" vertical="center" shrinkToFit="1"/>
    </xf>
    <xf numFmtId="0" fontId="9" fillId="0" borderId="54" xfId="1" applyFont="1" applyBorder="1" applyAlignment="1">
      <alignment horizontal="center" vertical="center" shrinkToFit="1"/>
    </xf>
    <xf numFmtId="0" fontId="9" fillId="0" borderId="55" xfId="1" applyFont="1" applyBorder="1" applyAlignment="1">
      <alignment horizontal="center" vertical="center" shrinkToFit="1"/>
    </xf>
    <xf numFmtId="0" fontId="9" fillId="0" borderId="56" xfId="1" applyFont="1" applyBorder="1" applyAlignment="1">
      <alignment horizontal="center" vertical="center" shrinkToFit="1"/>
    </xf>
    <xf numFmtId="0" fontId="9" fillId="0" borderId="57" xfId="1" applyFont="1" applyBorder="1" applyAlignment="1">
      <alignment horizontal="center" vertical="center" shrinkToFit="1"/>
    </xf>
    <xf numFmtId="0" fontId="9" fillId="0" borderId="58" xfId="1" applyFont="1" applyBorder="1" applyAlignment="1">
      <alignment horizontal="center" vertical="center" shrinkToFit="1"/>
    </xf>
    <xf numFmtId="0" fontId="9" fillId="0" borderId="0" xfId="1" applyFont="1" applyBorder="1" applyAlignment="1">
      <alignment horizontal="right" vertical="center" shrinkToFit="1"/>
    </xf>
    <xf numFmtId="0" fontId="9" fillId="0" borderId="61" xfId="1" applyFont="1" applyBorder="1" applyAlignment="1">
      <alignment horizontal="center" vertical="center" shrinkToFit="1"/>
    </xf>
    <xf numFmtId="0" fontId="9" fillId="0" borderId="62" xfId="1" applyFont="1" applyBorder="1" applyAlignment="1">
      <alignment horizontal="center" vertical="center" shrinkToFit="1"/>
    </xf>
    <xf numFmtId="0" fontId="9" fillId="0" borderId="63" xfId="1" applyFont="1" applyBorder="1" applyAlignment="1">
      <alignment horizontal="center" vertical="center" shrinkToFit="1"/>
    </xf>
    <xf numFmtId="0" fontId="9" fillId="0" borderId="64" xfId="1" applyFont="1" applyBorder="1" applyAlignment="1">
      <alignment horizontal="center" vertical="center" shrinkToFit="1"/>
    </xf>
    <xf numFmtId="0" fontId="9" fillId="0" borderId="65" xfId="1" applyFont="1" applyBorder="1" applyAlignment="1">
      <alignment horizontal="center" vertical="center" shrinkToFit="1"/>
    </xf>
    <xf numFmtId="0" fontId="9" fillId="0" borderId="66" xfId="1" applyFont="1" applyBorder="1" applyAlignment="1">
      <alignment horizontal="center" vertical="center" shrinkToFit="1"/>
    </xf>
    <xf numFmtId="0" fontId="14" fillId="0" borderId="61" xfId="1" applyFont="1" applyBorder="1" applyAlignment="1">
      <alignment horizontal="center" vertical="center" wrapText="1" shrinkToFit="1"/>
    </xf>
    <xf numFmtId="0" fontId="14" fillId="0" borderId="63" xfId="1" applyFont="1" applyBorder="1" applyAlignment="1">
      <alignment horizontal="center" vertical="center" wrapText="1" shrinkToFit="1"/>
    </xf>
    <xf numFmtId="0" fontId="14" fillId="0" borderId="64" xfId="1" applyFont="1" applyBorder="1" applyAlignment="1">
      <alignment horizontal="center" vertical="center" wrapText="1" shrinkToFit="1"/>
    </xf>
    <xf numFmtId="0" fontId="14" fillId="0" borderId="66" xfId="1" applyFont="1" applyBorder="1" applyAlignment="1">
      <alignment horizontal="center" vertical="center" wrapText="1" shrinkToFit="1"/>
    </xf>
    <xf numFmtId="0" fontId="30" fillId="0" borderId="1" xfId="0" applyFont="1" applyBorder="1" applyAlignment="1">
      <alignment horizontal="center" vertical="center" wrapText="1"/>
    </xf>
    <xf numFmtId="0" fontId="10" fillId="0" borderId="27" xfId="1" applyFont="1" applyBorder="1" applyAlignment="1">
      <alignment horizontal="left" vertical="center" shrinkToFit="1"/>
    </xf>
    <xf numFmtId="0" fontId="10" fillId="0" borderId="2" xfId="1" applyFont="1" applyBorder="1" applyAlignment="1">
      <alignment horizontal="left" vertical="center" shrinkToFit="1"/>
    </xf>
    <xf numFmtId="0" fontId="10" fillId="0" borderId="21" xfId="1" applyFont="1" applyBorder="1" applyAlignment="1">
      <alignment horizontal="center" vertical="center" shrinkToFit="1"/>
    </xf>
    <xf numFmtId="0" fontId="10" fillId="0" borderId="17" xfId="1" applyFont="1" applyBorder="1" applyAlignment="1">
      <alignment horizontal="center" vertical="center" shrinkToFit="1"/>
    </xf>
    <xf numFmtId="0" fontId="10" fillId="0" borderId="27" xfId="1" applyFont="1" applyBorder="1" applyAlignment="1">
      <alignment horizontal="center" vertical="center" shrinkToFit="1"/>
    </xf>
    <xf numFmtId="0" fontId="10" fillId="0" borderId="2" xfId="1" applyFont="1" applyBorder="1" applyAlignment="1">
      <alignment horizontal="center" vertical="center" shrinkToFit="1"/>
    </xf>
    <xf numFmtId="0" fontId="7" fillId="0" borderId="0" xfId="1" applyFont="1" applyAlignment="1">
      <alignment horizontal="center" vertical="center"/>
    </xf>
    <xf numFmtId="0" fontId="10" fillId="0" borderId="4" xfId="1" applyFont="1" applyBorder="1" applyAlignment="1">
      <alignment horizontal="center" vertical="center"/>
    </xf>
    <xf numFmtId="0" fontId="10" fillId="0" borderId="18" xfId="1" applyFont="1" applyBorder="1" applyAlignment="1">
      <alignment horizontal="center" vertical="center"/>
    </xf>
    <xf numFmtId="0" fontId="10" fillId="0" borderId="30" xfId="1" applyFont="1" applyBorder="1" applyAlignment="1">
      <alignment horizontal="left" vertical="center"/>
    </xf>
    <xf numFmtId="0" fontId="10" fillId="0" borderId="31" xfId="1" applyFont="1" applyBorder="1" applyAlignment="1">
      <alignment horizontal="left" vertical="center"/>
    </xf>
    <xf numFmtId="0" fontId="15" fillId="2" borderId="1" xfId="0" applyFont="1" applyFill="1" applyBorder="1" applyAlignment="1">
      <alignment vertical="center" shrinkToFit="1"/>
    </xf>
    <xf numFmtId="0" fontId="15" fillId="2" borderId="1" xfId="0" applyFont="1" applyFill="1" applyBorder="1" applyAlignment="1">
      <alignment horizontal="right" vertical="center" shrinkToFit="1"/>
    </xf>
    <xf numFmtId="0" fontId="27" fillId="0" borderId="0" xfId="0" applyFont="1" applyAlignment="1">
      <alignment horizontal="center" vertical="center"/>
    </xf>
    <xf numFmtId="0" fontId="29" fillId="0" borderId="0" xfId="1" applyFont="1" applyAlignment="1">
      <alignment horizontal="center" vertical="center" shrinkToFit="1"/>
    </xf>
    <xf numFmtId="0" fontId="0" fillId="0" borderId="0" xfId="1" applyFont="1" applyBorder="1" applyAlignment="1">
      <alignment horizontal="right" vertical="distributed" shrinkToFit="1"/>
    </xf>
    <xf numFmtId="0" fontId="0" fillId="0" borderId="0" xfId="1" applyFont="1" applyBorder="1" applyAlignment="1">
      <alignment vertical="distributed" shrinkToFit="1"/>
    </xf>
    <xf numFmtId="0" fontId="0" fillId="0" borderId="0" xfId="1" applyFont="1" applyBorder="1" applyAlignment="1">
      <alignment horizontal="left" vertical="distributed" shrinkToFit="1"/>
    </xf>
    <xf numFmtId="0" fontId="0" fillId="2" borderId="0" xfId="1" applyFont="1" applyFill="1" applyBorder="1" applyAlignment="1">
      <alignment horizontal="left" vertical="distributed" shrinkToFit="1"/>
    </xf>
    <xf numFmtId="0" fontId="0" fillId="0" borderId="0" xfId="1" applyFont="1" applyBorder="1" applyAlignment="1">
      <alignment horizontal="center" vertical="distributed" shrinkToFit="1"/>
    </xf>
    <xf numFmtId="0" fontId="0" fillId="0" borderId="0" xfId="1" applyFont="1" applyBorder="1" applyAlignment="1">
      <alignment vertical="distributed" wrapText="1" shrinkToFit="1"/>
    </xf>
    <xf numFmtId="0" fontId="0" fillId="0" borderId="0" xfId="1" applyFont="1" applyBorder="1" applyAlignment="1">
      <alignment vertical="center" shrinkToFit="1"/>
    </xf>
    <xf numFmtId="0" fontId="0" fillId="0" borderId="0" xfId="1" applyFont="1" applyAlignment="1">
      <alignment vertical="center" shrinkToFit="1"/>
    </xf>
    <xf numFmtId="0" fontId="4" fillId="0" borderId="30" xfId="0" applyFont="1" applyBorder="1" applyAlignment="1">
      <alignment horizontal="center" vertical="center" wrapText="1" shrinkToFit="1"/>
    </xf>
    <xf numFmtId="0" fontId="34" fillId="0" borderId="4" xfId="0" applyFont="1" applyBorder="1" applyAlignment="1">
      <alignment horizontal="right" vertical="center" shrinkToFit="1"/>
    </xf>
    <xf numFmtId="0" fontId="34" fillId="0" borderId="44" xfId="0" applyFont="1" applyBorder="1" applyAlignment="1">
      <alignment horizontal="right" vertical="center" shrinkToFit="1"/>
    </xf>
    <xf numFmtId="0" fontId="34" fillId="0" borderId="18" xfId="0" applyFont="1" applyBorder="1" applyAlignment="1">
      <alignment horizontal="right" vertical="center" shrinkToFit="1"/>
    </xf>
    <xf numFmtId="0" fontId="2" fillId="0" borderId="0" xfId="0" applyFont="1" applyAlignment="1">
      <alignment vertical="center"/>
    </xf>
    <xf numFmtId="56" fontId="2" fillId="0" borderId="0" xfId="0" applyNumberFormat="1" applyFont="1" applyAlignment="1">
      <alignment vertical="center"/>
    </xf>
    <xf numFmtId="0" fontId="4" fillId="0" borderId="21" xfId="0" applyFont="1" applyBorder="1" applyAlignment="1">
      <alignment horizontal="center" vertical="center" shrinkToFit="1"/>
    </xf>
    <xf numFmtId="0" fontId="4" fillId="0" borderId="39" xfId="0" applyFont="1" applyBorder="1" applyAlignment="1">
      <alignment horizontal="center" vertical="center" shrinkToFit="1"/>
    </xf>
    <xf numFmtId="0" fontId="4" fillId="0" borderId="17" xfId="0" applyFont="1" applyBorder="1" applyAlignment="1">
      <alignment horizontal="center" vertical="center" shrinkToFit="1"/>
    </xf>
    <xf numFmtId="0" fontId="34" fillId="0" borderId="21" xfId="0" applyFont="1" applyBorder="1" applyAlignment="1">
      <alignment horizontal="right" vertical="center" shrinkToFit="1"/>
    </xf>
    <xf numFmtId="0" fontId="34" fillId="0" borderId="39" xfId="0" applyFont="1" applyBorder="1" applyAlignment="1">
      <alignment horizontal="right" vertical="center" shrinkToFit="1"/>
    </xf>
    <xf numFmtId="0" fontId="34" fillId="0" borderId="17" xfId="0" applyFont="1" applyBorder="1" applyAlignment="1">
      <alignment horizontal="right" vertical="center" shrinkToFit="1"/>
    </xf>
    <xf numFmtId="0" fontId="4" fillId="0" borderId="5" xfId="0" applyFont="1" applyBorder="1" applyAlignment="1">
      <alignment horizontal="center" vertical="center" textRotation="255"/>
    </xf>
    <xf numFmtId="0" fontId="4" fillId="0" borderId="29" xfId="0" applyFont="1" applyBorder="1" applyAlignment="1">
      <alignment horizontal="center" vertical="center" textRotation="255"/>
    </xf>
    <xf numFmtId="0" fontId="4" fillId="0" borderId="12" xfId="0" applyFont="1" applyBorder="1" applyAlignment="1">
      <alignment horizontal="center" vertical="center" textRotation="255"/>
    </xf>
    <xf numFmtId="0" fontId="34" fillId="0" borderId="3" xfId="0" applyFont="1" applyBorder="1" applyAlignment="1">
      <alignment vertical="center" shrinkToFit="1"/>
    </xf>
    <xf numFmtId="0" fontId="34" fillId="0" borderId="0" xfId="0" applyFont="1" applyBorder="1" applyAlignment="1">
      <alignment vertical="center"/>
    </xf>
    <xf numFmtId="0" fontId="34" fillId="0" borderId="0" xfId="0" applyFont="1" applyBorder="1" applyAlignment="1">
      <alignment vertical="center" shrinkToFit="1"/>
    </xf>
    <xf numFmtId="0" fontId="34" fillId="0" borderId="0" xfId="0" applyFont="1" applyAlignment="1">
      <alignment vertical="center" shrinkToFit="1"/>
    </xf>
    <xf numFmtId="0" fontId="34" fillId="0" borderId="0" xfId="0" applyFont="1">
      <alignment vertical="center"/>
    </xf>
    <xf numFmtId="0" fontId="35" fillId="0" borderId="4" xfId="0" applyFont="1" applyBorder="1" applyAlignment="1">
      <alignment vertical="center" shrinkToFit="1"/>
    </xf>
    <xf numFmtId="0" fontId="36" fillId="0" borderId="44" xfId="0" applyFont="1" applyBorder="1" applyAlignment="1">
      <alignment vertical="center" shrinkToFit="1"/>
    </xf>
    <xf numFmtId="0" fontId="36" fillId="0" borderId="18" xfId="0" applyFont="1" applyBorder="1" applyAlignment="1">
      <alignment vertical="center" shrinkToFit="1"/>
    </xf>
    <xf numFmtId="0" fontId="35" fillId="0" borderId="30" xfId="0" applyFont="1" applyBorder="1" applyAlignment="1">
      <alignment vertical="center"/>
    </xf>
    <xf numFmtId="0" fontId="35" fillId="0" borderId="3" xfId="0" applyFont="1" applyBorder="1" applyAlignment="1">
      <alignment vertical="center"/>
    </xf>
    <xf numFmtId="0" fontId="35" fillId="0" borderId="31" xfId="0" applyFont="1" applyBorder="1" applyAlignment="1">
      <alignment vertical="center"/>
    </xf>
    <xf numFmtId="0" fontId="35" fillId="0" borderId="44" xfId="0" applyFont="1" applyBorder="1" applyAlignment="1">
      <alignment vertical="center" shrinkToFit="1"/>
    </xf>
    <xf numFmtId="0" fontId="35" fillId="0" borderId="18" xfId="0" applyFont="1" applyBorder="1" applyAlignment="1">
      <alignment vertical="center" shrinkToFit="1"/>
    </xf>
    <xf numFmtId="49" fontId="35" fillId="0" borderId="4" xfId="0" applyNumberFormat="1" applyFont="1" applyBorder="1" applyAlignment="1">
      <alignment vertical="center" shrinkToFit="1"/>
    </xf>
    <xf numFmtId="49" fontId="35" fillId="0" borderId="44" xfId="0" applyNumberFormat="1" applyFont="1" applyBorder="1" applyAlignment="1">
      <alignment vertical="center" shrinkToFit="1"/>
    </xf>
    <xf numFmtId="49" fontId="35" fillId="0" borderId="18" xfId="0" applyNumberFormat="1" applyFont="1" applyBorder="1" applyAlignment="1">
      <alignment vertical="center" shrinkToFit="1"/>
    </xf>
    <xf numFmtId="0" fontId="35" fillId="0" borderId="30" xfId="0" applyFont="1" applyBorder="1" applyAlignment="1">
      <alignment horizontal="center" vertical="center"/>
    </xf>
    <xf numFmtId="0" fontId="35" fillId="0" borderId="3" xfId="0" applyFont="1" applyBorder="1" applyAlignment="1">
      <alignment horizontal="center" vertical="center"/>
    </xf>
    <xf numFmtId="0" fontId="35" fillId="0" borderId="31" xfId="0" applyFont="1" applyBorder="1" applyAlignment="1">
      <alignment horizontal="center" vertical="center"/>
    </xf>
    <xf numFmtId="0" fontId="35" fillId="0" borderId="30" xfId="0" applyFont="1" applyBorder="1" applyAlignment="1">
      <alignment horizontal="center" vertical="center" shrinkToFit="1"/>
    </xf>
    <xf numFmtId="0" fontId="36" fillId="0" borderId="3" xfId="0" applyFont="1" applyBorder="1" applyAlignment="1">
      <alignment horizontal="center" vertical="center" shrinkToFit="1"/>
    </xf>
    <xf numFmtId="0" fontId="36" fillId="0" borderId="31" xfId="0" applyFont="1" applyBorder="1" applyAlignment="1">
      <alignment horizontal="center" vertical="center" shrinkToFit="1"/>
    </xf>
    <xf numFmtId="0" fontId="35" fillId="0" borderId="5" xfId="0" applyFont="1" applyBorder="1" applyAlignment="1">
      <alignment horizontal="center" vertical="center"/>
    </xf>
    <xf numFmtId="0" fontId="35" fillId="0" borderId="21" xfId="0" applyFont="1" applyBorder="1" applyAlignment="1">
      <alignment horizontal="center" vertical="center"/>
    </xf>
    <xf numFmtId="0" fontId="35" fillId="0" borderId="39" xfId="0" applyFont="1" applyBorder="1" applyAlignment="1">
      <alignment horizontal="center" vertical="center"/>
    </xf>
    <xf numFmtId="0" fontId="35" fillId="0" borderId="17" xfId="0" applyFont="1" applyBorder="1" applyAlignment="1">
      <alignment horizontal="center" vertical="center"/>
    </xf>
    <xf numFmtId="0" fontId="36" fillId="0" borderId="21" xfId="0" applyFont="1" applyBorder="1" applyAlignment="1">
      <alignment horizontal="center" vertical="center" shrinkToFit="1"/>
    </xf>
    <xf numFmtId="0" fontId="36" fillId="0" borderId="39" xfId="0" applyFont="1" applyBorder="1" applyAlignment="1">
      <alignment horizontal="center" vertical="center" shrinkToFit="1"/>
    </xf>
    <xf numFmtId="0" fontId="36" fillId="0" borderId="17" xfId="0" applyFont="1" applyBorder="1" applyAlignment="1">
      <alignment horizontal="center" vertical="center" shrinkToFit="1"/>
    </xf>
    <xf numFmtId="0" fontId="35" fillId="0" borderId="12" xfId="0" applyFont="1" applyBorder="1" applyAlignment="1">
      <alignment horizontal="center" vertical="center"/>
    </xf>
    <xf numFmtId="0" fontId="35" fillId="0" borderId="4" xfId="0" applyFont="1" applyBorder="1" applyAlignment="1">
      <alignment horizontal="center" vertical="center"/>
    </xf>
    <xf numFmtId="0" fontId="35" fillId="0" borderId="44" xfId="0" applyFont="1" applyBorder="1" applyAlignment="1">
      <alignment horizontal="center" vertical="center"/>
    </xf>
    <xf numFmtId="0" fontId="35" fillId="0" borderId="18" xfId="0" applyFont="1" applyBorder="1" applyAlignment="1">
      <alignment horizontal="center" vertical="center"/>
    </xf>
    <xf numFmtId="0" fontId="35" fillId="0" borderId="30" xfId="0" applyFont="1" applyBorder="1" applyAlignment="1">
      <alignment vertical="center" wrapText="1" shrinkToFit="1"/>
    </xf>
    <xf numFmtId="0" fontId="36" fillId="0" borderId="3" xfId="0" applyFont="1" applyBorder="1" applyAlignment="1">
      <alignment vertical="center" wrapText="1" shrinkToFit="1"/>
    </xf>
    <xf numFmtId="0" fontId="36" fillId="0" borderId="31" xfId="0" applyFont="1" applyBorder="1" applyAlignment="1">
      <alignment vertical="center" wrapText="1" shrinkToFit="1"/>
    </xf>
    <xf numFmtId="0" fontId="36" fillId="0" borderId="21" xfId="0" applyFont="1" applyBorder="1" applyAlignment="1">
      <alignment vertical="center" wrapText="1" shrinkToFit="1"/>
    </xf>
    <xf numFmtId="0" fontId="36" fillId="0" borderId="39" xfId="0" applyFont="1" applyBorder="1" applyAlignment="1">
      <alignment vertical="center" wrapText="1" shrinkToFit="1"/>
    </xf>
    <xf numFmtId="0" fontId="36" fillId="0" borderId="17" xfId="0" applyFont="1" applyBorder="1" applyAlignment="1">
      <alignment vertical="center" wrapText="1" shrinkToFit="1"/>
    </xf>
    <xf numFmtId="0" fontId="2" fillId="0" borderId="21" xfId="0" applyFont="1" applyBorder="1" applyAlignment="1">
      <alignment horizontal="center" vertical="center" wrapText="1"/>
    </xf>
    <xf numFmtId="0" fontId="2" fillId="0" borderId="39" xfId="0" applyFont="1" applyBorder="1" applyAlignment="1">
      <alignment horizontal="center" vertical="center" wrapText="1"/>
    </xf>
    <xf numFmtId="0" fontId="2" fillId="0" borderId="17" xfId="0" applyFont="1" applyBorder="1" applyAlignment="1">
      <alignment horizontal="center" vertical="center" wrapText="1"/>
    </xf>
    <xf numFmtId="0" fontId="34" fillId="0" borderId="30" xfId="0" applyFont="1" applyBorder="1" applyAlignment="1">
      <alignment horizontal="center" vertical="center" wrapText="1" shrinkToFit="1"/>
    </xf>
    <xf numFmtId="0" fontId="34" fillId="0" borderId="3" xfId="0" applyFont="1" applyBorder="1" applyAlignment="1">
      <alignment horizontal="center" vertical="center" shrinkToFit="1"/>
    </xf>
    <xf numFmtId="0" fontId="34" fillId="0" borderId="31" xfId="0" applyFont="1" applyBorder="1" applyAlignment="1">
      <alignment horizontal="center" vertical="center" shrinkToFit="1"/>
    </xf>
    <xf numFmtId="0" fontId="34" fillId="0" borderId="27" xfId="0" applyFont="1" applyBorder="1" applyAlignment="1">
      <alignment horizontal="center" vertical="center" shrinkToFit="1"/>
    </xf>
    <xf numFmtId="0" fontId="34" fillId="0" borderId="0" xfId="0" applyFont="1" applyBorder="1" applyAlignment="1">
      <alignment horizontal="center" vertical="center" shrinkToFit="1"/>
    </xf>
    <xf numFmtId="0" fontId="34" fillId="0" borderId="2" xfId="0" applyFont="1" applyBorder="1" applyAlignment="1">
      <alignment horizontal="center" vertical="center" shrinkToFit="1"/>
    </xf>
    <xf numFmtId="0" fontId="34" fillId="0" borderId="21" xfId="0" applyFont="1" applyBorder="1" applyAlignment="1">
      <alignment horizontal="center" vertical="center" shrinkToFit="1"/>
    </xf>
    <xf numFmtId="0" fontId="34" fillId="0" borderId="39" xfId="0" applyFont="1" applyBorder="1" applyAlignment="1">
      <alignment horizontal="center" vertical="center" shrinkToFit="1"/>
    </xf>
    <xf numFmtId="0" fontId="34" fillId="0" borderId="17" xfId="0" applyFont="1" applyBorder="1" applyAlignment="1">
      <alignment horizontal="center" vertical="center" shrinkToFit="1"/>
    </xf>
    <xf numFmtId="0" fontId="34" fillId="0" borderId="5" xfId="0" applyFont="1" applyBorder="1" applyAlignment="1">
      <alignment horizontal="center" vertical="center" textRotation="255"/>
    </xf>
    <xf numFmtId="0" fontId="34" fillId="0" borderId="29" xfId="0" applyFont="1" applyBorder="1" applyAlignment="1">
      <alignment horizontal="center" vertical="center" textRotation="255"/>
    </xf>
    <xf numFmtId="0" fontId="34" fillId="0" borderId="12" xfId="0" applyFont="1" applyBorder="1" applyAlignment="1">
      <alignment horizontal="center" vertical="center" textRotation="255"/>
    </xf>
    <xf numFmtId="0" fontId="17" fillId="0" borderId="12" xfId="0" applyFont="1" applyBorder="1" applyAlignment="1">
      <alignment horizontal="distributed" vertical="center" indent="1"/>
    </xf>
    <xf numFmtId="0" fontId="37" fillId="0" borderId="36" xfId="0" applyFont="1" applyBorder="1" applyAlignment="1">
      <alignment horizontal="left" vertical="center" indent="1"/>
    </xf>
    <xf numFmtId="0" fontId="37" fillId="0" borderId="48" xfId="0" applyFont="1" applyBorder="1" applyAlignment="1">
      <alignment horizontal="left" vertical="center" indent="1"/>
    </xf>
    <xf numFmtId="0" fontId="37" fillId="0" borderId="49" xfId="0" applyFont="1" applyBorder="1" applyAlignment="1">
      <alignment horizontal="left" vertical="center" indent="1"/>
    </xf>
    <xf numFmtId="0" fontId="37" fillId="0" borderId="50" xfId="0" applyFont="1" applyBorder="1" applyAlignment="1">
      <alignment horizontal="left" vertical="center" indent="1"/>
    </xf>
    <xf numFmtId="0" fontId="37" fillId="0" borderId="37" xfId="0" applyFont="1" applyBorder="1" applyAlignment="1">
      <alignment horizontal="left" vertical="center" indent="1"/>
    </xf>
    <xf numFmtId="0" fontId="37" fillId="0" borderId="51" xfId="0" applyFont="1" applyBorder="1" applyAlignment="1">
      <alignment horizontal="left" vertical="center" indent="1"/>
    </xf>
    <xf numFmtId="0" fontId="37" fillId="0" borderId="52" xfId="0" applyFont="1" applyBorder="1" applyAlignment="1">
      <alignment horizontal="left" vertical="center" indent="1"/>
    </xf>
    <xf numFmtId="0" fontId="37" fillId="0" borderId="53" xfId="0" applyFont="1" applyBorder="1" applyAlignment="1">
      <alignment horizontal="left" vertical="center" indent="1"/>
    </xf>
    <xf numFmtId="0" fontId="37" fillId="0" borderId="36" xfId="0" applyFont="1" applyBorder="1" applyAlignment="1">
      <alignment horizontal="left" vertical="center" wrapText="1" indent="1"/>
    </xf>
    <xf numFmtId="0" fontId="38" fillId="0" borderId="36" xfId="0" applyFont="1" applyBorder="1" applyAlignment="1">
      <alignment horizontal="left" vertical="center" wrapText="1"/>
    </xf>
    <xf numFmtId="0" fontId="37" fillId="0" borderId="37" xfId="0" applyFont="1" applyBorder="1" applyAlignment="1">
      <alignment horizontal="left" vertical="center" wrapText="1" indent="1"/>
    </xf>
    <xf numFmtId="0" fontId="38" fillId="0" borderId="37" xfId="0" applyFont="1" applyBorder="1" applyAlignment="1">
      <alignment horizontal="left" vertical="center" wrapText="1"/>
    </xf>
    <xf numFmtId="0" fontId="37" fillId="0" borderId="38" xfId="0" applyFont="1" applyBorder="1" applyAlignment="1">
      <alignment horizontal="left" vertical="center" wrapText="1" indent="1"/>
    </xf>
    <xf numFmtId="0" fontId="37" fillId="0" borderId="45" xfId="0" applyFont="1" applyBorder="1" applyAlignment="1">
      <alignment horizontal="left" vertical="center" indent="1"/>
    </xf>
    <xf numFmtId="0" fontId="37" fillId="0" borderId="46" xfId="0" applyFont="1" applyBorder="1" applyAlignment="1">
      <alignment horizontal="left" vertical="center" indent="1"/>
    </xf>
    <xf numFmtId="0" fontId="37" fillId="0" borderId="47" xfId="0" applyFont="1" applyBorder="1" applyAlignment="1">
      <alignment horizontal="left" vertical="center" indent="1"/>
    </xf>
    <xf numFmtId="0" fontId="38" fillId="0" borderId="38" xfId="0" applyFont="1" applyBorder="1" applyAlignment="1">
      <alignment horizontal="left" vertical="center" wrapText="1"/>
    </xf>
    <xf numFmtId="0" fontId="38" fillId="0" borderId="36" xfId="0" applyFont="1" applyBorder="1" applyAlignment="1">
      <alignment horizontal="center" vertical="center"/>
    </xf>
    <xf numFmtId="0" fontId="38" fillId="0" borderId="37" xfId="0" applyFont="1" applyBorder="1" applyAlignment="1">
      <alignment horizontal="center" vertical="center"/>
    </xf>
    <xf numFmtId="0" fontId="37" fillId="0" borderId="30" xfId="0" applyFont="1" applyBorder="1" applyAlignment="1">
      <alignment horizontal="left" vertical="top" wrapText="1"/>
    </xf>
    <xf numFmtId="0" fontId="37" fillId="0" borderId="3" xfId="0" applyFont="1" applyBorder="1" applyAlignment="1">
      <alignment horizontal="left" vertical="top"/>
    </xf>
    <xf numFmtId="0" fontId="37" fillId="0" borderId="31" xfId="0" applyFont="1" applyBorder="1" applyAlignment="1">
      <alignment horizontal="left" vertical="top"/>
    </xf>
    <xf numFmtId="0" fontId="37" fillId="0" borderId="1" xfId="0" applyFont="1" applyBorder="1" applyAlignment="1">
      <alignment horizontal="center" vertical="top" wrapText="1"/>
    </xf>
    <xf numFmtId="0" fontId="37" fillId="0" borderId="27" xfId="0" applyFont="1" applyBorder="1" applyAlignment="1">
      <alignment horizontal="left" vertical="top"/>
    </xf>
    <xf numFmtId="0" fontId="37" fillId="0" borderId="0" xfId="0" applyFont="1" applyBorder="1" applyAlignment="1">
      <alignment horizontal="left" vertical="top"/>
    </xf>
    <xf numFmtId="0" fontId="37" fillId="0" borderId="2" xfId="0" applyFont="1" applyBorder="1" applyAlignment="1">
      <alignment horizontal="left" vertical="top"/>
    </xf>
    <xf numFmtId="0" fontId="37" fillId="0" borderId="1" xfId="0" applyFont="1" applyBorder="1" applyAlignment="1">
      <alignment horizontal="center" vertical="top"/>
    </xf>
    <xf numFmtId="0" fontId="37" fillId="0" borderId="21" xfId="0" applyFont="1" applyBorder="1" applyAlignment="1">
      <alignment horizontal="left" vertical="top"/>
    </xf>
    <xf numFmtId="0" fontId="37" fillId="0" borderId="39" xfId="0" applyFont="1" applyBorder="1" applyAlignment="1">
      <alignment horizontal="left" vertical="top"/>
    </xf>
    <xf numFmtId="0" fontId="37" fillId="0" borderId="17" xfId="0" applyFont="1" applyBorder="1" applyAlignment="1">
      <alignment horizontal="left" vertical="top"/>
    </xf>
    <xf numFmtId="9" fontId="21" fillId="0" borderId="0" xfId="6" applyFont="1" applyAlignment="1"/>
    <xf numFmtId="0" fontId="21" fillId="0" borderId="4" xfId="5" applyFont="1" applyBorder="1" applyAlignment="1">
      <alignment horizontal="center" vertical="center" shrinkToFit="1"/>
    </xf>
    <xf numFmtId="0" fontId="17" fillId="0" borderId="44" xfId="0" applyFont="1" applyBorder="1" applyAlignment="1">
      <alignment vertical="center" shrinkToFit="1"/>
    </xf>
    <xf numFmtId="0" fontId="17" fillId="0" borderId="18" xfId="0" applyFont="1" applyBorder="1" applyAlignment="1">
      <alignment vertical="center" shrinkToFit="1"/>
    </xf>
    <xf numFmtId="0" fontId="21" fillId="0" borderId="5" xfId="5" applyFont="1" applyBorder="1" applyAlignment="1">
      <alignment horizontal="center" vertical="center" wrapText="1"/>
    </xf>
    <xf numFmtId="0" fontId="21" fillId="0" borderId="30" xfId="5" applyFont="1" applyBorder="1" applyAlignment="1">
      <alignment horizontal="center" vertical="center"/>
    </xf>
    <xf numFmtId="0" fontId="21" fillId="0" borderId="3" xfId="5" applyFont="1" applyBorder="1" applyAlignment="1">
      <alignment horizontal="center" vertical="center"/>
    </xf>
    <xf numFmtId="0" fontId="21" fillId="0" borderId="31" xfId="5" applyFont="1" applyBorder="1" applyAlignment="1">
      <alignment horizontal="center" vertical="center"/>
    </xf>
    <xf numFmtId="0" fontId="21" fillId="0" borderId="3" xfId="5" applyFont="1" applyBorder="1" applyAlignment="1">
      <alignment horizontal="center" vertical="center"/>
    </xf>
    <xf numFmtId="0" fontId="21" fillId="0" borderId="31" xfId="5" applyFont="1" applyBorder="1" applyAlignment="1">
      <alignment horizontal="center" vertical="center"/>
    </xf>
    <xf numFmtId="0" fontId="21" fillId="0" borderId="12" xfId="5" applyFont="1" applyBorder="1" applyAlignment="1">
      <alignment horizontal="center" vertical="center"/>
    </xf>
    <xf numFmtId="0" fontId="21" fillId="0" borderId="21" xfId="5" applyFont="1" applyBorder="1" applyAlignment="1">
      <alignment horizontal="center" vertical="center"/>
    </xf>
    <xf numFmtId="0" fontId="21" fillId="0" borderId="39" xfId="5" applyFont="1" applyBorder="1" applyAlignment="1">
      <alignment horizontal="center" vertical="center"/>
    </xf>
    <xf numFmtId="0" fontId="21" fillId="0" borderId="17" xfId="5" applyFont="1" applyBorder="1" applyAlignment="1">
      <alignment horizontal="center" vertical="center"/>
    </xf>
    <xf numFmtId="0" fontId="21" fillId="0" borderId="39" xfId="5" applyFont="1" applyBorder="1" applyAlignment="1">
      <alignment horizontal="center" vertical="center"/>
    </xf>
    <xf numFmtId="0" fontId="21" fillId="0" borderId="17" xfId="5" applyFont="1" applyBorder="1" applyAlignment="1">
      <alignment horizontal="center" vertical="center"/>
    </xf>
    <xf numFmtId="0" fontId="21" fillId="0" borderId="5" xfId="5" applyFont="1" applyBorder="1" applyAlignment="1">
      <alignment horizontal="center" vertical="center" shrinkToFit="1"/>
    </xf>
    <xf numFmtId="0" fontId="21" fillId="0" borderId="0" xfId="5" applyFont="1" applyBorder="1" applyAlignment="1">
      <alignment horizontal="center" vertical="center"/>
    </xf>
    <xf numFmtId="0" fontId="21" fillId="0" borderId="12" xfId="5" applyFont="1" applyBorder="1" applyAlignment="1">
      <alignment horizontal="center" vertical="center" shrinkToFit="1"/>
    </xf>
    <xf numFmtId="0" fontId="0" fillId="2" borderId="0" xfId="0" applyFont="1" applyFill="1" applyAlignment="1">
      <alignment vertical="center"/>
    </xf>
    <xf numFmtId="0" fontId="39" fillId="2" borderId="0" xfId="1" applyFont="1" applyFill="1" applyAlignment="1">
      <alignment vertical="center" shrinkToFit="1"/>
    </xf>
    <xf numFmtId="0" fontId="27" fillId="2" borderId="0" xfId="1" applyFont="1" applyFill="1" applyAlignment="1">
      <alignment horizontal="center" vertical="center" shrinkToFit="1"/>
    </xf>
    <xf numFmtId="0" fontId="39" fillId="2" borderId="0" xfId="1" applyFont="1" applyFill="1" applyAlignment="1">
      <alignment horizontal="right" vertical="center" shrinkToFit="1"/>
    </xf>
    <xf numFmtId="0" fontId="2" fillId="2" borderId="30" xfId="1" applyFont="1" applyFill="1" applyBorder="1" applyAlignment="1">
      <alignment horizontal="left" vertical="center" shrinkToFit="1"/>
    </xf>
    <xf numFmtId="0" fontId="2" fillId="2" borderId="31" xfId="1" applyFont="1" applyFill="1" applyBorder="1" applyAlignment="1">
      <alignment horizontal="left" vertical="center" shrinkToFit="1"/>
    </xf>
    <xf numFmtId="0" fontId="2" fillId="2" borderId="31" xfId="1" applyFont="1" applyFill="1" applyBorder="1" applyAlignment="1">
      <alignment vertical="center" shrinkToFit="1"/>
    </xf>
    <xf numFmtId="0" fontId="2" fillId="2" borderId="5" xfId="1" applyFont="1" applyFill="1" applyBorder="1" applyAlignment="1">
      <alignment vertical="center" shrinkToFit="1"/>
    </xf>
    <xf numFmtId="0" fontId="2" fillId="2" borderId="27" xfId="1" applyFont="1" applyFill="1" applyBorder="1" applyAlignment="1">
      <alignment horizontal="left" vertical="center" shrinkToFit="1"/>
    </xf>
    <xf numFmtId="0" fontId="2" fillId="2" borderId="2" xfId="1" applyFont="1" applyFill="1" applyBorder="1" applyAlignment="1">
      <alignment horizontal="left" vertical="center" shrinkToFit="1"/>
    </xf>
    <xf numFmtId="0" fontId="2" fillId="2" borderId="2" xfId="1" applyFont="1" applyFill="1" applyBorder="1" applyAlignment="1">
      <alignment horizontal="distributed" vertical="center" shrinkToFit="1"/>
    </xf>
    <xf numFmtId="0" fontId="39" fillId="2" borderId="29" xfId="1" applyFont="1" applyFill="1" applyBorder="1" applyAlignment="1">
      <alignment vertical="center" shrinkToFit="1"/>
    </xf>
    <xf numFmtId="0" fontId="2" fillId="2" borderId="21" xfId="1" applyFont="1" applyFill="1" applyBorder="1" applyAlignment="1">
      <alignment horizontal="left" vertical="center" shrinkToFit="1"/>
    </xf>
    <xf numFmtId="0" fontId="2" fillId="2" borderId="17" xfId="1" applyFont="1" applyFill="1" applyBorder="1" applyAlignment="1">
      <alignment horizontal="left" vertical="center" shrinkToFit="1"/>
    </xf>
    <xf numFmtId="0" fontId="2" fillId="2" borderId="2" xfId="1" applyFont="1" applyFill="1" applyBorder="1" applyAlignment="1">
      <alignment horizontal="center" vertical="center" shrinkToFit="1"/>
    </xf>
    <xf numFmtId="0" fontId="39" fillId="2" borderId="12" xfId="1" applyFont="1" applyFill="1" applyBorder="1" applyAlignment="1">
      <alignment vertical="center" shrinkToFit="1"/>
    </xf>
    <xf numFmtId="0" fontId="2" fillId="2" borderId="29" xfId="1" applyFont="1" applyFill="1" applyBorder="1" applyAlignment="1">
      <alignment vertical="center" shrinkToFit="1"/>
    </xf>
    <xf numFmtId="0" fontId="2" fillId="2" borderId="29" xfId="1" applyFont="1" applyFill="1" applyBorder="1" applyAlignment="1">
      <alignment horizontal="center" vertical="center" shrinkToFit="1"/>
    </xf>
    <xf numFmtId="0" fontId="2" fillId="2" borderId="5" xfId="1" applyFont="1" applyFill="1" applyBorder="1" applyAlignment="1">
      <alignment horizontal="left" vertical="center" shrinkToFit="1"/>
    </xf>
    <xf numFmtId="0" fontId="39" fillId="2" borderId="5" xfId="1" applyFont="1" applyFill="1" applyBorder="1" applyAlignment="1">
      <alignment vertical="center" shrinkToFit="1"/>
    </xf>
    <xf numFmtId="0" fontId="2" fillId="2" borderId="29" xfId="1" applyFont="1" applyFill="1" applyBorder="1" applyAlignment="1">
      <alignment horizontal="left" vertical="center" shrinkToFit="1"/>
    </xf>
    <xf numFmtId="0" fontId="2" fillId="2" borderId="12" xfId="1" applyFont="1" applyFill="1" applyBorder="1" applyAlignment="1">
      <alignment vertical="center" shrinkToFit="1"/>
    </xf>
    <xf numFmtId="0" fontId="2" fillId="2" borderId="12" xfId="1" applyFont="1" applyFill="1" applyBorder="1" applyAlignment="1">
      <alignment horizontal="center" vertical="center" shrinkToFit="1"/>
    </xf>
    <xf numFmtId="0" fontId="2" fillId="2" borderId="12" xfId="1" applyFont="1" applyFill="1" applyBorder="1" applyAlignment="1">
      <alignment horizontal="left" vertical="center" shrinkToFit="1"/>
    </xf>
    <xf numFmtId="0" fontId="2" fillId="2" borderId="30" xfId="1" applyFont="1" applyFill="1" applyBorder="1" applyAlignment="1">
      <alignment vertical="center"/>
    </xf>
    <xf numFmtId="0" fontId="2" fillId="2" borderId="3" xfId="1" applyFont="1" applyFill="1" applyBorder="1" applyAlignment="1">
      <alignment horizontal="center" vertical="center" shrinkToFit="1"/>
    </xf>
    <xf numFmtId="0" fontId="2" fillId="2" borderId="3" xfId="1" applyFont="1" applyFill="1" applyBorder="1" applyAlignment="1">
      <alignment horizontal="left" vertical="center" shrinkToFit="1"/>
    </xf>
    <xf numFmtId="0" fontId="39" fillId="2" borderId="31" xfId="1" applyFont="1" applyFill="1" applyBorder="1" applyAlignment="1">
      <alignment vertical="center" shrinkToFit="1"/>
    </xf>
    <xf numFmtId="0" fontId="2" fillId="2" borderId="27" xfId="1" applyFont="1" applyFill="1" applyBorder="1" applyAlignment="1">
      <alignment vertical="center"/>
    </xf>
    <xf numFmtId="0" fontId="2" fillId="2" borderId="0" xfId="1" applyFont="1" applyFill="1" applyBorder="1" applyAlignment="1">
      <alignment horizontal="center" vertical="center" shrinkToFit="1"/>
    </xf>
    <xf numFmtId="0" fontId="2" fillId="2" borderId="0" xfId="1" applyFont="1" applyFill="1" applyBorder="1" applyAlignment="1">
      <alignment horizontal="left" vertical="center" shrinkToFit="1"/>
    </xf>
    <xf numFmtId="0" fontId="39" fillId="2" borderId="2" xfId="1" applyFont="1" applyFill="1" applyBorder="1" applyAlignment="1">
      <alignment vertical="center" shrinkToFit="1"/>
    </xf>
    <xf numFmtId="0" fontId="2" fillId="2" borderId="30" xfId="1" applyFont="1" applyFill="1" applyBorder="1" applyAlignment="1">
      <alignment vertical="center" shrinkToFit="1"/>
    </xf>
    <xf numFmtId="0" fontId="39" fillId="2" borderId="3" xfId="1" applyFont="1" applyFill="1" applyBorder="1" applyAlignment="1">
      <alignment horizontal="left" vertical="center" shrinkToFit="1"/>
    </xf>
    <xf numFmtId="0" fontId="39" fillId="2" borderId="0" xfId="1" applyFont="1" applyFill="1" applyBorder="1" applyAlignment="1">
      <alignment horizontal="left" vertical="center" shrinkToFit="1"/>
    </xf>
    <xf numFmtId="0" fontId="39" fillId="2" borderId="27" xfId="1" applyFont="1" applyFill="1" applyBorder="1" applyAlignment="1">
      <alignment vertical="center" shrinkToFit="1"/>
    </xf>
    <xf numFmtId="0" fontId="39" fillId="2" borderId="0" xfId="1" applyFont="1" applyFill="1" applyBorder="1" applyAlignment="1">
      <alignment horizontal="center" vertical="center" shrinkToFit="1"/>
    </xf>
    <xf numFmtId="49" fontId="39" fillId="2" borderId="27" xfId="1" applyNumberFormat="1" applyFont="1" applyFill="1" applyBorder="1" applyAlignment="1">
      <alignment horizontal="left" vertical="center"/>
    </xf>
    <xf numFmtId="49" fontId="39" fillId="2" borderId="0" xfId="1" applyNumberFormat="1" applyFont="1" applyFill="1" applyBorder="1" applyAlignment="1">
      <alignment horizontal="left" vertical="center"/>
    </xf>
    <xf numFmtId="49" fontId="39" fillId="2" borderId="2" xfId="1" applyNumberFormat="1" applyFont="1" applyFill="1" applyBorder="1" applyAlignment="1">
      <alignment horizontal="left" vertical="center"/>
    </xf>
    <xf numFmtId="49" fontId="39" fillId="2" borderId="21" xfId="1" applyNumberFormat="1" applyFont="1" applyFill="1" applyBorder="1" applyAlignment="1">
      <alignment horizontal="left" vertical="center"/>
    </xf>
    <xf numFmtId="49" fontId="39" fillId="2" borderId="39" xfId="1" applyNumberFormat="1" applyFont="1" applyFill="1" applyBorder="1" applyAlignment="1">
      <alignment horizontal="left" vertical="center"/>
    </xf>
    <xf numFmtId="49" fontId="39" fillId="2" borderId="17" xfId="1" applyNumberFormat="1" applyFont="1" applyFill="1" applyBorder="1" applyAlignment="1">
      <alignment horizontal="left" vertical="center"/>
    </xf>
    <xf numFmtId="0" fontId="39" fillId="2" borderId="30" xfId="1" applyFont="1" applyFill="1" applyBorder="1" applyAlignment="1">
      <alignment vertical="center"/>
    </xf>
    <xf numFmtId="0" fontId="39" fillId="2" borderId="3" xfId="1" applyFont="1" applyFill="1" applyBorder="1" applyAlignment="1">
      <alignment vertical="center" shrinkToFit="1"/>
    </xf>
    <xf numFmtId="0" fontId="39" fillId="2" borderId="2" xfId="1" applyFont="1" applyFill="1" applyBorder="1" applyAlignment="1">
      <alignment horizontal="center" vertical="center" shrinkToFit="1"/>
    </xf>
    <xf numFmtId="0" fontId="39" fillId="2" borderId="0" xfId="1" applyFont="1" applyFill="1" applyBorder="1" applyAlignment="1">
      <alignment vertical="center"/>
    </xf>
    <xf numFmtId="0" fontId="39" fillId="2" borderId="2" xfId="1" applyFont="1" applyFill="1" applyBorder="1" applyAlignment="1">
      <alignment horizontal="left" vertical="center" shrinkToFit="1"/>
    </xf>
    <xf numFmtId="0" fontId="39" fillId="2" borderId="0" xfId="1" applyFont="1" applyFill="1" applyBorder="1" applyAlignment="1">
      <alignment vertical="center" shrinkToFit="1"/>
    </xf>
    <xf numFmtId="0" fontId="39" fillId="2" borderId="21" xfId="1" applyFont="1" applyFill="1" applyBorder="1" applyAlignment="1">
      <alignment vertical="center" shrinkToFit="1"/>
    </xf>
    <xf numFmtId="0" fontId="39" fillId="2" borderId="17" xfId="1" applyFont="1" applyFill="1" applyBorder="1" applyAlignment="1">
      <alignment horizontal="left" vertical="center" shrinkToFit="1"/>
    </xf>
    <xf numFmtId="0" fontId="39" fillId="2" borderId="39" xfId="1" applyFont="1" applyFill="1" applyBorder="1" applyAlignment="1">
      <alignment vertical="center" shrinkToFit="1"/>
    </xf>
    <xf numFmtId="0" fontId="39" fillId="2" borderId="17" xfId="1" applyFont="1" applyFill="1" applyBorder="1" applyAlignment="1">
      <alignment vertical="center" shrinkToFit="1"/>
    </xf>
    <xf numFmtId="0" fontId="2" fillId="2" borderId="0" xfId="1" applyFont="1" applyFill="1" applyBorder="1" applyAlignment="1">
      <alignment horizontal="left" vertical="top" wrapText="1" shrinkToFit="1"/>
    </xf>
    <xf numFmtId="0" fontId="39" fillId="2" borderId="0" xfId="1" applyFont="1" applyFill="1" applyBorder="1" applyAlignment="1">
      <alignment horizontal="right" vertical="center" shrinkToFit="1"/>
    </xf>
    <xf numFmtId="0" fontId="39" fillId="2" borderId="0" xfId="1" applyFont="1" applyFill="1" applyBorder="1" applyAlignment="1">
      <alignment horizontal="right" vertical="center"/>
    </xf>
    <xf numFmtId="0" fontId="39" fillId="2" borderId="0" xfId="1" applyFont="1" applyFill="1" applyBorder="1" applyAlignment="1">
      <alignment horizontal="left" vertical="top" wrapText="1"/>
    </xf>
    <xf numFmtId="0" fontId="39" fillId="2" borderId="0" xfId="1" applyFont="1" applyFill="1" applyAlignment="1">
      <alignment vertical="center" shrinkToFit="1"/>
    </xf>
    <xf numFmtId="0" fontId="0" fillId="0" borderId="0" xfId="0" applyFont="1" applyAlignment="1">
      <alignment vertical="center" shrinkToFit="1"/>
    </xf>
    <xf numFmtId="0" fontId="12" fillId="0" borderId="60" xfId="1" applyFont="1" applyBorder="1" applyAlignment="1">
      <alignment vertical="center" shrinkToFit="1"/>
    </xf>
    <xf numFmtId="0" fontId="13" fillId="0" borderId="54" xfId="1" applyFont="1" applyBorder="1" applyAlignment="1">
      <alignment horizontal="center" vertical="center" textRotation="255" shrinkToFit="1"/>
    </xf>
    <xf numFmtId="0" fontId="13" fillId="0" borderId="67" xfId="0" applyFont="1" applyBorder="1" applyAlignment="1">
      <alignment horizontal="left" vertical="center"/>
    </xf>
    <xf numFmtId="0" fontId="13" fillId="0" borderId="68" xfId="0" applyFont="1" applyBorder="1" applyAlignment="1">
      <alignment horizontal="left" vertical="center"/>
    </xf>
    <xf numFmtId="0" fontId="13" fillId="0" borderId="69" xfId="0" applyFont="1" applyBorder="1" applyAlignment="1">
      <alignment horizontal="left" vertical="center"/>
    </xf>
    <xf numFmtId="0" fontId="13" fillId="0" borderId="70" xfId="1" applyFont="1" applyBorder="1" applyAlignment="1">
      <alignment horizontal="center" vertical="center" textRotation="255" shrinkToFit="1"/>
    </xf>
    <xf numFmtId="0" fontId="13" fillId="0" borderId="21" xfId="0" applyFont="1" applyBorder="1" applyAlignment="1">
      <alignment horizontal="left" vertical="center"/>
    </xf>
    <xf numFmtId="0" fontId="13" fillId="0" borderId="39" xfId="0" applyFont="1" applyBorder="1" applyAlignment="1">
      <alignment horizontal="left" vertical="center"/>
    </xf>
    <xf numFmtId="0" fontId="13" fillId="0" borderId="71" xfId="0" applyFont="1" applyBorder="1" applyAlignment="1">
      <alignment horizontal="left" vertical="center"/>
    </xf>
    <xf numFmtId="0" fontId="13" fillId="0" borderId="72" xfId="1" applyFont="1" applyBorder="1" applyAlignment="1">
      <alignment horizontal="center" vertical="center" textRotation="255" shrinkToFit="1"/>
    </xf>
    <xf numFmtId="0" fontId="13" fillId="0" borderId="73" xfId="0" applyFont="1" applyBorder="1" applyAlignment="1">
      <alignment horizontal="left" vertical="center"/>
    </xf>
    <xf numFmtId="0" fontId="13" fillId="0" borderId="65" xfId="0" applyFont="1" applyBorder="1" applyAlignment="1">
      <alignment horizontal="left" vertical="center"/>
    </xf>
    <xf numFmtId="0" fontId="13" fillId="0" borderId="66" xfId="0" applyFont="1" applyBorder="1" applyAlignment="1">
      <alignment horizontal="left" vertical="center"/>
    </xf>
    <xf numFmtId="0" fontId="14" fillId="0" borderId="21" xfId="0" applyFont="1" applyBorder="1" applyAlignment="1">
      <alignment horizontal="left" vertical="center"/>
    </xf>
    <xf numFmtId="0" fontId="13" fillId="0" borderId="4" xfId="0" applyFont="1" applyBorder="1" applyAlignment="1">
      <alignment horizontal="left" vertical="center"/>
    </xf>
    <xf numFmtId="0" fontId="13" fillId="0" borderId="44" xfId="0" applyFont="1" applyBorder="1" applyAlignment="1">
      <alignment horizontal="left" vertical="center"/>
    </xf>
    <xf numFmtId="0" fontId="13" fillId="0" borderId="74" xfId="0" applyFont="1" applyBorder="1" applyAlignment="1">
      <alignment horizontal="left" vertical="center"/>
    </xf>
    <xf numFmtId="0" fontId="40" fillId="0" borderId="4" xfId="0" applyFont="1" applyBorder="1" applyAlignment="1">
      <alignment horizontal="left" vertical="center"/>
    </xf>
    <xf numFmtId="0" fontId="14" fillId="0" borderId="4" xfId="0" applyFont="1" applyBorder="1" applyAlignment="1">
      <alignment horizontal="left" vertical="center"/>
    </xf>
    <xf numFmtId="0" fontId="41" fillId="0" borderId="4" xfId="0" applyFont="1" applyBorder="1" applyAlignment="1">
      <alignment horizontal="left" vertical="center"/>
    </xf>
    <xf numFmtId="0" fontId="6" fillId="0" borderId="4" xfId="0" applyFont="1" applyBorder="1" applyAlignment="1">
      <alignment horizontal="left" vertical="center"/>
    </xf>
    <xf numFmtId="0" fontId="14" fillId="0" borderId="39" xfId="1" applyFont="1" applyBorder="1" applyAlignment="1">
      <alignment vertical="center"/>
    </xf>
    <xf numFmtId="0" fontId="13" fillId="0" borderId="39" xfId="1" applyFont="1" applyBorder="1" applyAlignment="1">
      <alignment vertical="center"/>
    </xf>
    <xf numFmtId="0" fontId="13" fillId="0" borderId="74" xfId="1" applyFont="1" applyBorder="1" applyAlignment="1">
      <alignment vertical="center"/>
    </xf>
    <xf numFmtId="0" fontId="13" fillId="0" borderId="65" xfId="1" applyFont="1" applyBorder="1" applyAlignment="1">
      <alignment vertical="center"/>
    </xf>
    <xf numFmtId="0" fontId="13" fillId="0" borderId="66" xfId="1" applyFont="1" applyBorder="1" applyAlignment="1">
      <alignment vertical="center"/>
    </xf>
    <xf numFmtId="0" fontId="0" fillId="1" borderId="75" xfId="0" applyFont="1" applyFill="1" applyBorder="1" applyAlignment="1">
      <alignment vertical="center" shrinkToFit="1"/>
    </xf>
    <xf numFmtId="0" fontId="0" fillId="1" borderId="66" xfId="0" applyFont="1" applyFill="1" applyBorder="1" applyAlignment="1">
      <alignment vertical="center" shrinkToFit="1"/>
    </xf>
    <xf numFmtId="0" fontId="0" fillId="1" borderId="72" xfId="0" applyFont="1" applyFill="1" applyBorder="1" applyAlignment="1">
      <alignment vertical="center" shrinkToFit="1"/>
    </xf>
    <xf numFmtId="0" fontId="0" fillId="0" borderId="75" xfId="0" applyFont="1" applyBorder="1" applyAlignment="1">
      <alignment vertical="center" shrinkToFit="1"/>
    </xf>
    <xf numFmtId="0" fontId="13" fillId="0" borderId="54" xfId="1" applyFont="1" applyBorder="1" applyAlignment="1">
      <alignment horizontal="center" vertical="center" textRotation="255"/>
    </xf>
    <xf numFmtId="0" fontId="13" fillId="0" borderId="67" xfId="1" applyFont="1" applyBorder="1" applyAlignment="1">
      <alignment vertical="center"/>
    </xf>
    <xf numFmtId="0" fontId="13" fillId="0" borderId="68" xfId="1" applyFont="1" applyBorder="1" applyAlignment="1">
      <alignment vertical="center"/>
    </xf>
    <xf numFmtId="0" fontId="13" fillId="0" borderId="69" xfId="1" applyFont="1" applyBorder="1" applyAlignment="1">
      <alignment vertical="center"/>
    </xf>
    <xf numFmtId="0" fontId="13" fillId="0" borderId="70" xfId="1" applyFont="1" applyBorder="1" applyAlignment="1">
      <alignment horizontal="center" vertical="center" textRotation="255"/>
    </xf>
    <xf numFmtId="0" fontId="13" fillId="0" borderId="4" xfId="1" applyFont="1" applyBorder="1" applyAlignment="1">
      <alignment horizontal="center" vertical="center" wrapText="1"/>
    </xf>
    <xf numFmtId="0" fontId="13" fillId="0" borderId="44" xfId="1" applyFont="1" applyBorder="1" applyAlignment="1">
      <alignment horizontal="center" vertical="center"/>
    </xf>
    <xf numFmtId="0" fontId="13" fillId="0" borderId="74" xfId="1" applyFont="1" applyBorder="1" applyAlignment="1">
      <alignment horizontal="center" vertical="center"/>
    </xf>
    <xf numFmtId="0" fontId="13" fillId="0" borderId="72" xfId="1" applyFont="1" applyBorder="1" applyAlignment="1">
      <alignment horizontal="center" vertical="center" textRotation="255"/>
    </xf>
    <xf numFmtId="0" fontId="13" fillId="0" borderId="22" xfId="1" applyFont="1" applyBorder="1" applyAlignment="1">
      <alignment horizontal="center" vertical="center" wrapText="1"/>
    </xf>
    <xf numFmtId="0" fontId="13" fillId="0" borderId="78" xfId="1" applyFont="1" applyBorder="1" applyAlignment="1">
      <alignment horizontal="center" vertical="center"/>
    </xf>
    <xf numFmtId="0" fontId="13" fillId="0" borderId="79" xfId="1" applyFont="1" applyBorder="1" applyAlignment="1">
      <alignment horizontal="center" vertical="center"/>
    </xf>
    <xf numFmtId="0" fontId="30" fillId="0" borderId="29" xfId="0" applyFont="1" applyBorder="1" applyAlignment="1">
      <alignment horizontal="justify" vertical="center" wrapText="1"/>
    </xf>
    <xf numFmtId="0" fontId="10" fillId="0" borderId="29" xfId="1" applyFont="1" applyBorder="1" applyAlignment="1">
      <alignment horizontal="left" vertical="center" shrinkToFit="1"/>
    </xf>
    <xf numFmtId="0" fontId="15" fillId="2" borderId="0" xfId="0" applyFont="1" applyFill="1" applyAlignment="1">
      <alignment vertical="center"/>
    </xf>
    <xf numFmtId="0" fontId="42" fillId="2" borderId="0" xfId="1" applyFont="1" applyFill="1" applyAlignment="1">
      <alignment horizontal="center" vertical="center" shrinkToFit="1"/>
    </xf>
    <xf numFmtId="0" fontId="42" fillId="2" borderId="0" xfId="0" applyFont="1" applyFill="1" applyAlignment="1">
      <alignment vertical="center" shrinkToFit="1"/>
    </xf>
    <xf numFmtId="0" fontId="15" fillId="2" borderId="30" xfId="0" applyFont="1" applyFill="1" applyBorder="1" applyAlignment="1">
      <alignment horizontal="center" vertical="center" shrinkToFit="1"/>
    </xf>
    <xf numFmtId="0" fontId="15" fillId="2" borderId="3" xfId="0" applyFont="1" applyFill="1" applyBorder="1" applyAlignment="1">
      <alignment horizontal="center" vertical="center" shrinkToFit="1"/>
    </xf>
    <xf numFmtId="0" fontId="15" fillId="2" borderId="1" xfId="0" applyFont="1" applyFill="1" applyBorder="1" applyAlignment="1">
      <alignment horizontal="center" vertical="center" shrinkToFit="1"/>
    </xf>
    <xf numFmtId="0" fontId="15" fillId="2" borderId="1" xfId="0" applyFont="1" applyFill="1" applyBorder="1" applyAlignment="1">
      <alignment horizontal="center" vertical="center" shrinkToFit="1"/>
    </xf>
    <xf numFmtId="0" fontId="15" fillId="2" borderId="1" xfId="0" applyFont="1" applyFill="1" applyBorder="1" applyAlignment="1">
      <alignment horizontal="distributed" vertical="center" shrinkToFit="1"/>
    </xf>
    <xf numFmtId="0" fontId="15" fillId="2" borderId="27" xfId="0" applyFont="1" applyFill="1" applyBorder="1" applyAlignment="1">
      <alignment vertical="center"/>
    </xf>
    <xf numFmtId="0" fontId="15" fillId="2" borderId="0" xfId="0" applyFont="1" applyFill="1" applyBorder="1" applyAlignment="1">
      <alignment vertical="center"/>
    </xf>
    <xf numFmtId="0" fontId="15" fillId="2" borderId="40" xfId="0" applyFont="1" applyFill="1" applyBorder="1" applyAlignment="1">
      <alignment vertical="center"/>
    </xf>
    <xf numFmtId="0" fontId="15" fillId="2" borderId="21" xfId="0" applyFont="1" applyFill="1" applyBorder="1" applyAlignment="1">
      <alignment horizontal="center" vertical="center" shrinkToFit="1"/>
    </xf>
    <xf numFmtId="0" fontId="15" fillId="2" borderId="39" xfId="0" applyFont="1" applyFill="1" applyBorder="1" applyAlignment="1">
      <alignment horizontal="center" vertical="center" shrinkToFit="1"/>
    </xf>
    <xf numFmtId="0" fontId="15" fillId="2" borderId="40" xfId="0" applyFont="1" applyFill="1" applyBorder="1" applyAlignment="1">
      <alignment horizontal="center" vertical="center" shrinkToFit="1"/>
    </xf>
    <xf numFmtId="0" fontId="15" fillId="2" borderId="1" xfId="0" applyFont="1" applyFill="1" applyBorder="1" applyAlignment="1">
      <alignment vertical="center"/>
    </xf>
    <xf numFmtId="0" fontId="15" fillId="2" borderId="1" xfId="0" applyFont="1" applyFill="1" applyBorder="1" applyAlignment="1">
      <alignment horizontal="center" vertical="center" textRotation="255" shrinkToFit="1"/>
    </xf>
    <xf numFmtId="0" fontId="15" fillId="2" borderId="0" xfId="0" applyFont="1" applyFill="1" applyAlignment="1">
      <alignment horizontal="left" vertical="center" shrinkToFit="1"/>
    </xf>
    <xf numFmtId="0" fontId="44" fillId="2" borderId="1" xfId="0" applyFont="1" applyFill="1" applyBorder="1" applyAlignment="1">
      <alignment vertical="center" shrinkToFit="1"/>
    </xf>
    <xf numFmtId="0" fontId="44" fillId="2" borderId="1" xfId="0" applyFont="1" applyFill="1" applyBorder="1" applyAlignment="1">
      <alignment vertical="center" shrinkToFit="1"/>
    </xf>
    <xf numFmtId="0" fontId="44" fillId="2" borderId="1" xfId="0" applyFont="1" applyFill="1" applyBorder="1" applyAlignment="1">
      <alignment horizontal="right" vertical="center" shrinkToFit="1"/>
    </xf>
    <xf numFmtId="0" fontId="45" fillId="2" borderId="1" xfId="0" applyFont="1" applyFill="1" applyBorder="1" applyAlignment="1">
      <alignment vertical="center" shrinkToFit="1"/>
    </xf>
    <xf numFmtId="0" fontId="44" fillId="2" borderId="1" xfId="0" applyFont="1" applyFill="1" applyBorder="1" applyAlignment="1">
      <alignment horizontal="center" vertical="center" textRotation="255" shrinkToFit="1"/>
    </xf>
    <xf numFmtId="0" fontId="44" fillId="2" borderId="1" xfId="0" applyFont="1" applyFill="1" applyBorder="1" applyAlignment="1">
      <alignment horizontal="center" vertical="center" textRotation="255" shrinkToFit="1"/>
    </xf>
    <xf numFmtId="0" fontId="15" fillId="2" borderId="0" xfId="0" applyFont="1" applyFill="1" applyAlignment="1">
      <alignment horizontal="right" vertical="center"/>
    </xf>
    <xf numFmtId="0" fontId="15" fillId="2" borderId="0" xfId="0" applyFont="1" applyFill="1" applyAlignment="1">
      <alignment horizontal="center" vertical="center" shrinkToFit="1"/>
    </xf>
    <xf numFmtId="0" fontId="43" fillId="2" borderId="0" xfId="1" applyFont="1" applyFill="1" applyAlignment="1">
      <alignment vertical="center" shrinkToFit="1"/>
    </xf>
    <xf numFmtId="0" fontId="43" fillId="2" borderId="0" xfId="1" applyFont="1" applyFill="1" applyAlignment="1">
      <alignment horizontal="right" vertical="center" shrinkToFit="1"/>
    </xf>
    <xf numFmtId="0" fontId="15" fillId="2" borderId="1" xfId="0" applyFont="1" applyFill="1" applyBorder="1" applyAlignment="1">
      <alignment horizontal="distributed" vertical="center"/>
    </xf>
    <xf numFmtId="0" fontId="15" fillId="2" borderId="4" xfId="0" applyFont="1" applyFill="1" applyBorder="1" applyAlignment="1">
      <alignment horizontal="distributed" vertical="center" shrinkToFit="1"/>
    </xf>
    <xf numFmtId="0" fontId="15" fillId="2" borderId="18" xfId="0" applyFont="1" applyFill="1" applyBorder="1" applyAlignment="1">
      <alignment horizontal="distributed" vertical="center" shrinkToFit="1"/>
    </xf>
    <xf numFmtId="0" fontId="15" fillId="2" borderId="4" xfId="0" applyFont="1" applyFill="1" applyBorder="1" applyAlignment="1">
      <alignment horizontal="center" vertical="center" shrinkToFit="1"/>
    </xf>
    <xf numFmtId="0" fontId="15" fillId="2" borderId="44" xfId="0" applyFont="1" applyFill="1" applyBorder="1" applyAlignment="1">
      <alignment horizontal="center" vertical="center" shrinkToFit="1"/>
    </xf>
    <xf numFmtId="0" fontId="15" fillId="2" borderId="18" xfId="0" applyFont="1" applyFill="1" applyBorder="1" applyAlignment="1">
      <alignment horizontal="center" vertical="center" shrinkToFit="1"/>
    </xf>
    <xf numFmtId="0" fontId="15" fillId="2" borderId="44" xfId="0" applyFont="1" applyFill="1" applyBorder="1" applyAlignment="1">
      <alignment horizontal="center" vertical="center" shrinkToFit="1"/>
    </xf>
    <xf numFmtId="0" fontId="15" fillId="2" borderId="4" xfId="0" applyFont="1" applyFill="1" applyBorder="1" applyAlignment="1">
      <alignment vertical="center" shrinkToFit="1"/>
    </xf>
    <xf numFmtId="0" fontId="15" fillId="2" borderId="18" xfId="0" applyFont="1" applyFill="1" applyBorder="1" applyAlignment="1">
      <alignment vertical="center" shrinkToFit="1"/>
    </xf>
    <xf numFmtId="0" fontId="15" fillId="2" borderId="44" xfId="0" applyFont="1" applyFill="1" applyBorder="1" applyAlignment="1">
      <alignment vertical="center" shrinkToFit="1"/>
    </xf>
    <xf numFmtId="0" fontId="15" fillId="2" borderId="44" xfId="0" applyFont="1" applyFill="1" applyBorder="1" applyAlignment="1">
      <alignment vertical="center"/>
    </xf>
    <xf numFmtId="0" fontId="12" fillId="0" borderId="3" xfId="0" applyFont="1" applyBorder="1" applyAlignment="1">
      <alignment horizontal="left" vertical="center" shrinkToFit="1"/>
    </xf>
    <xf numFmtId="0" fontId="12" fillId="0" borderId="0" xfId="0" applyFont="1" applyAlignment="1">
      <alignment vertical="center" shrinkToFit="1"/>
    </xf>
    <xf numFmtId="0" fontId="46" fillId="0" borderId="4" xfId="0" applyFont="1" applyBorder="1" applyAlignment="1">
      <alignment vertical="center" shrinkToFit="1"/>
    </xf>
    <xf numFmtId="0" fontId="31" fillId="0" borderId="18" xfId="0" applyFont="1" applyBorder="1" applyAlignment="1">
      <alignment vertical="center" shrinkToFit="1"/>
    </xf>
    <xf numFmtId="0" fontId="31" fillId="0" borderId="44" xfId="0" applyFont="1" applyBorder="1" applyAlignment="1">
      <alignment vertical="center" shrinkToFit="1"/>
    </xf>
    <xf numFmtId="0" fontId="46" fillId="0" borderId="44" xfId="0" applyFont="1" applyBorder="1">
      <alignment vertical="center"/>
    </xf>
    <xf numFmtId="0" fontId="31" fillId="0" borderId="1" xfId="0" applyFont="1" applyBorder="1" applyAlignment="1">
      <alignment horizontal="center" vertical="center"/>
    </xf>
    <xf numFmtId="0" fontId="31" fillId="0" borderId="12" xfId="0" applyFont="1" applyBorder="1" applyAlignment="1">
      <alignment horizontal="center" vertical="center"/>
    </xf>
    <xf numFmtId="0" fontId="31" fillId="0" borderId="17" xfId="0" applyFont="1" applyBorder="1" applyAlignment="1">
      <alignment horizontal="center" vertical="center"/>
    </xf>
    <xf numFmtId="0" fontId="31" fillId="0" borderId="12" xfId="0" applyFont="1" applyBorder="1" applyAlignment="1">
      <alignment vertical="center"/>
    </xf>
    <xf numFmtId="58" fontId="31" fillId="0" borderId="12" xfId="0" applyNumberFormat="1" applyFont="1" applyBorder="1" applyAlignment="1">
      <alignment horizontal="left" vertical="center"/>
    </xf>
    <xf numFmtId="0" fontId="31" fillId="0" borderId="1" xfId="0" applyFont="1" applyBorder="1" applyAlignment="1">
      <alignment vertical="center"/>
    </xf>
    <xf numFmtId="0" fontId="31" fillId="0" borderId="18" xfId="0" applyFont="1" applyBorder="1" applyAlignment="1">
      <alignment horizontal="center" vertical="center"/>
    </xf>
    <xf numFmtId="58" fontId="31" fillId="0" borderId="1" xfId="0" applyNumberFormat="1" applyFont="1" applyBorder="1" applyAlignment="1">
      <alignment horizontal="left" vertical="center"/>
    </xf>
    <xf numFmtId="0" fontId="31" fillId="0" borderId="1" xfId="0" applyFont="1" applyBorder="1" applyAlignment="1">
      <alignment vertical="center" wrapText="1"/>
    </xf>
    <xf numFmtId="0" fontId="0" fillId="0" borderId="41" xfId="0" applyFont="1" applyBorder="1" applyAlignment="1">
      <alignment horizontal="left" vertical="center"/>
    </xf>
    <xf numFmtId="0" fontId="0" fillId="0" borderId="59" xfId="0" applyFont="1" applyBorder="1" applyAlignment="1">
      <alignment horizontal="left" vertical="center"/>
    </xf>
    <xf numFmtId="0" fontId="0" fillId="0" borderId="60" xfId="0" applyFont="1" applyBorder="1" applyAlignment="1">
      <alignment horizontal="left" vertical="center"/>
    </xf>
    <xf numFmtId="0" fontId="0" fillId="0" borderId="17" xfId="0" applyFont="1" applyBorder="1" applyAlignment="1">
      <alignment horizontal="center" vertical="center"/>
    </xf>
    <xf numFmtId="0" fontId="0" fillId="0" borderId="1" xfId="0" applyFont="1" applyBorder="1" applyAlignment="1">
      <alignment vertical="center" wrapText="1"/>
    </xf>
    <xf numFmtId="0" fontId="0" fillId="0" borderId="43" xfId="0" applyFont="1" applyBorder="1" applyAlignment="1">
      <alignment horizontal="center" vertical="center"/>
    </xf>
    <xf numFmtId="0" fontId="0" fillId="0" borderId="0" xfId="0" applyFont="1" applyAlignment="1">
      <alignment horizontal="left" vertical="center"/>
    </xf>
    <xf numFmtId="0" fontId="0" fillId="0" borderId="0" xfId="0" applyFont="1" applyAlignment="1">
      <alignment horizontal="center" vertical="center"/>
    </xf>
    <xf numFmtId="0" fontId="47" fillId="0" borderId="0" xfId="0" applyFont="1">
      <alignment vertical="center"/>
    </xf>
    <xf numFmtId="0" fontId="48" fillId="0" borderId="0" xfId="0" applyFont="1" applyAlignment="1">
      <alignment horizontal="centerContinuous" vertical="center"/>
    </xf>
    <xf numFmtId="0" fontId="47" fillId="0" borderId="0" xfId="0" applyFont="1" applyAlignment="1">
      <alignment horizontal="centerContinuous" vertical="center"/>
    </xf>
    <xf numFmtId="0" fontId="47" fillId="0" borderId="4" xfId="0" applyFont="1" applyBorder="1" applyAlignment="1">
      <alignment horizontal="distributed" vertical="center"/>
    </xf>
    <xf numFmtId="0" fontId="47" fillId="0" borderId="44" xfId="0" applyFont="1" applyBorder="1" applyAlignment="1">
      <alignment horizontal="distributed" vertical="center"/>
    </xf>
    <xf numFmtId="0" fontId="47" fillId="0" borderId="18" xfId="0" applyFont="1" applyBorder="1" applyAlignment="1">
      <alignment horizontal="distributed" vertical="center"/>
    </xf>
    <xf numFmtId="0" fontId="47" fillId="0" borderId="44" xfId="0" applyFont="1" applyBorder="1">
      <alignment vertical="center"/>
    </xf>
    <xf numFmtId="0" fontId="47" fillId="0" borderId="18" xfId="0" applyFont="1" applyBorder="1">
      <alignment vertical="center"/>
    </xf>
    <xf numFmtId="0" fontId="47" fillId="0" borderId="21" xfId="0" applyFont="1" applyBorder="1">
      <alignment vertical="center"/>
    </xf>
    <xf numFmtId="0" fontId="47" fillId="0" borderId="39" xfId="0" applyFont="1" applyBorder="1">
      <alignment vertical="center"/>
    </xf>
    <xf numFmtId="0" fontId="47" fillId="0" borderId="17" xfId="0" applyFont="1" applyBorder="1">
      <alignment vertical="center"/>
    </xf>
    <xf numFmtId="0" fontId="47" fillId="0" borderId="5" xfId="0" applyFont="1" applyBorder="1" applyAlignment="1">
      <alignment horizontal="center" vertical="distributed" textRotation="255"/>
    </xf>
    <xf numFmtId="0" fontId="47" fillId="0" borderId="0" xfId="0" applyFont="1" applyBorder="1">
      <alignment vertical="center"/>
    </xf>
    <xf numFmtId="0" fontId="47" fillId="0" borderId="2" xfId="0" applyFont="1" applyBorder="1">
      <alignment vertical="center"/>
    </xf>
    <xf numFmtId="0" fontId="49" fillId="0" borderId="39" xfId="0" applyFont="1" applyBorder="1">
      <alignment vertical="center"/>
    </xf>
    <xf numFmtId="0" fontId="47" fillId="0" borderId="29" xfId="0" applyFont="1" applyBorder="1" applyAlignment="1">
      <alignment horizontal="center" vertical="distributed" textRotation="255"/>
    </xf>
    <xf numFmtId="0" fontId="47" fillId="0" borderId="30" xfId="0" applyFont="1" applyBorder="1" applyAlignment="1">
      <alignment horizontal="distributed" vertical="top"/>
    </xf>
    <xf numFmtId="0" fontId="47" fillId="0" borderId="3" xfId="0" applyFont="1" applyBorder="1" applyAlignment="1">
      <alignment horizontal="distributed" vertical="top"/>
    </xf>
    <xf numFmtId="0" fontId="47" fillId="0" borderId="31" xfId="0" applyFont="1" applyBorder="1" applyAlignment="1">
      <alignment horizontal="distributed" vertical="top"/>
    </xf>
    <xf numFmtId="0" fontId="47" fillId="0" borderId="3" xfId="0" applyFont="1" applyBorder="1">
      <alignment vertical="center"/>
    </xf>
    <xf numFmtId="0" fontId="47" fillId="0" borderId="31" xfId="0" applyFont="1" applyBorder="1" applyAlignment="1">
      <alignment horizontal="center" vertical="center"/>
    </xf>
    <xf numFmtId="0" fontId="47" fillId="0" borderId="30" xfId="0" applyFont="1" applyBorder="1" applyAlignment="1">
      <alignment horizontal="center" vertical="top" wrapText="1"/>
    </xf>
    <xf numFmtId="0" fontId="47" fillId="0" borderId="31" xfId="0" applyFont="1" applyBorder="1" applyAlignment="1">
      <alignment horizontal="center" vertical="top" wrapText="1"/>
    </xf>
    <xf numFmtId="0" fontId="47" fillId="0" borderId="21" xfId="0" applyFont="1" applyBorder="1" applyAlignment="1">
      <alignment horizontal="distributed" vertical="top"/>
    </xf>
    <xf numFmtId="0" fontId="47" fillId="0" borderId="39" xfId="0" applyFont="1" applyBorder="1" applyAlignment="1">
      <alignment horizontal="distributed" vertical="top"/>
    </xf>
    <xf numFmtId="0" fontId="47" fillId="0" borderId="17" xfId="0" applyFont="1" applyBorder="1" applyAlignment="1">
      <alignment horizontal="distributed" vertical="top"/>
    </xf>
    <xf numFmtId="0" fontId="47" fillId="0" borderId="17" xfId="0" applyFont="1" applyBorder="1" applyAlignment="1">
      <alignment horizontal="center" vertical="center"/>
    </xf>
    <xf numFmtId="0" fontId="47" fillId="0" borderId="21" xfId="0" applyFont="1" applyBorder="1" applyAlignment="1">
      <alignment horizontal="center" vertical="top" wrapText="1"/>
    </xf>
    <xf numFmtId="0" fontId="47" fillId="0" borderId="17" xfId="0" applyFont="1" applyBorder="1" applyAlignment="1">
      <alignment horizontal="center" vertical="top" wrapText="1"/>
    </xf>
    <xf numFmtId="0" fontId="47" fillId="0" borderId="12" xfId="0" applyFont="1" applyBorder="1" applyAlignment="1">
      <alignment horizontal="center" vertical="distributed" textRotation="255"/>
    </xf>
    <xf numFmtId="0" fontId="47" fillId="0" borderId="1" xfId="0" applyFont="1" applyBorder="1" applyAlignment="1">
      <alignment horizontal="centerContinuous" vertical="center"/>
    </xf>
    <xf numFmtId="0" fontId="47" fillId="0" borderId="30" xfId="0" applyFont="1" applyBorder="1">
      <alignment vertical="center"/>
    </xf>
    <xf numFmtId="0" fontId="47" fillId="0" borderId="31" xfId="0" applyFont="1" applyBorder="1">
      <alignment vertical="center"/>
    </xf>
    <xf numFmtId="0" fontId="47" fillId="0" borderId="3" xfId="0" applyFont="1" applyBorder="1" applyAlignment="1">
      <alignment vertical="center"/>
    </xf>
    <xf numFmtId="0" fontId="47" fillId="0" borderId="3" xfId="0" applyFont="1" applyBorder="1" applyAlignment="1">
      <alignment horizontal="centerContinuous" vertical="center"/>
    </xf>
    <xf numFmtId="0" fontId="47" fillId="0" borderId="31" xfId="0" applyFont="1" applyBorder="1" applyAlignment="1">
      <alignment horizontal="centerContinuous" vertical="center"/>
    </xf>
    <xf numFmtId="0" fontId="47" fillId="0" borderId="27" xfId="0" applyFont="1" applyBorder="1">
      <alignment vertical="center"/>
    </xf>
    <xf numFmtId="0" fontId="47" fillId="0" borderId="0" xfId="0" applyFont="1" applyBorder="1" applyAlignment="1">
      <alignment vertical="center"/>
    </xf>
    <xf numFmtId="0" fontId="47" fillId="0" borderId="0" xfId="0" applyFont="1" applyBorder="1" applyAlignment="1">
      <alignment horizontal="centerContinuous" vertical="center"/>
    </xf>
    <xf numFmtId="0" fontId="47" fillId="0" borderId="2" xfId="0" applyFont="1" applyBorder="1" applyAlignment="1">
      <alignment horizontal="centerContinuous" vertical="center"/>
    </xf>
    <xf numFmtId="0" fontId="47" fillId="0" borderId="39" xfId="0" applyFont="1" applyBorder="1" applyAlignment="1">
      <alignment vertical="center"/>
    </xf>
    <xf numFmtId="0" fontId="47" fillId="0" borderId="39" xfId="0" applyFont="1" applyBorder="1" applyAlignment="1">
      <alignment horizontal="centerContinuous" vertical="center"/>
    </xf>
    <xf numFmtId="0" fontId="47" fillId="0" borderId="17" xfId="0" applyFont="1" applyBorder="1" applyAlignment="1">
      <alignment horizontal="centerContinuous" vertical="center"/>
    </xf>
    <xf numFmtId="0" fontId="47" fillId="0" borderId="30" xfId="0" applyFont="1" applyBorder="1" applyAlignment="1">
      <alignment vertical="center"/>
    </xf>
    <xf numFmtId="0" fontId="47" fillId="0" borderId="27" xfId="0" applyFont="1" applyBorder="1" applyAlignment="1">
      <alignment vertical="center"/>
    </xf>
    <xf numFmtId="0" fontId="47" fillId="0" borderId="21" xfId="0" applyFont="1" applyBorder="1" applyAlignment="1">
      <alignment vertical="center"/>
    </xf>
    <xf numFmtId="0" fontId="47" fillId="0" borderId="4" xfId="0" applyFont="1" applyBorder="1">
      <alignment vertical="center"/>
    </xf>
    <xf numFmtId="0" fontId="47" fillId="0" borderId="44" xfId="0" applyFont="1" applyBorder="1" applyAlignment="1">
      <alignment vertical="center"/>
    </xf>
    <xf numFmtId="0" fontId="47" fillId="0" borderId="1" xfId="0" applyFont="1" applyBorder="1" applyAlignment="1">
      <alignment horizontal="center" vertical="center"/>
    </xf>
    <xf numFmtId="0" fontId="47" fillId="0" borderId="4" xfId="0" applyFont="1" applyBorder="1" applyAlignment="1">
      <alignment horizontal="center" vertical="center"/>
    </xf>
    <xf numFmtId="0" fontId="47" fillId="0" borderId="0" xfId="0" applyFont="1" applyBorder="1" applyAlignment="1">
      <alignment horizontal="left" vertical="center"/>
    </xf>
    <xf numFmtId="0" fontId="47" fillId="0" borderId="27" xfId="0" applyFont="1" applyBorder="1" applyAlignment="1">
      <alignment horizontal="left" vertical="center" wrapText="1"/>
    </xf>
    <xf numFmtId="0" fontId="47" fillId="0" borderId="0" xfId="0" applyFont="1" applyBorder="1" applyAlignment="1">
      <alignment horizontal="left" vertical="center" wrapText="1"/>
    </xf>
    <xf numFmtId="0" fontId="47" fillId="0" borderId="0" xfId="0" applyFont="1" applyBorder="1" applyAlignment="1">
      <alignment vertical="center" wrapText="1"/>
    </xf>
    <xf numFmtId="0" fontId="47" fillId="0" borderId="27" xfId="0" applyFont="1" applyBorder="1" applyAlignment="1">
      <alignment horizontal="center" vertical="center"/>
    </xf>
    <xf numFmtId="0" fontId="47" fillId="0" borderId="0" xfId="0" applyFont="1" applyBorder="1" applyAlignment="1">
      <alignment horizontal="center" vertical="center"/>
    </xf>
    <xf numFmtId="0" fontId="47" fillId="0" borderId="21" xfId="0" applyFont="1" applyBorder="1" applyAlignment="1">
      <alignment horizontal="center" vertical="center"/>
    </xf>
    <xf numFmtId="0" fontId="47" fillId="0" borderId="39" xfId="0" applyFont="1" applyBorder="1" applyAlignment="1">
      <alignment horizontal="center" vertical="center"/>
    </xf>
    <xf numFmtId="0" fontId="47" fillId="0" borderId="3" xfId="0" applyFont="1" applyBorder="1" applyAlignment="1">
      <alignment horizontal="left" vertical="center"/>
    </xf>
    <xf numFmtId="0" fontId="47" fillId="0" borderId="39" xfId="0" applyFont="1" applyBorder="1" applyAlignment="1">
      <alignment horizontal="left" vertical="center"/>
    </xf>
  </cellXfs>
  <cellStyles count="7">
    <cellStyle name="パーセント" xfId="6" builtinId="5"/>
    <cellStyle name="標準" xfId="0" builtinId="0"/>
    <cellStyle name="標準_2007学則変更訂正文（様式6）071220" xfId="1"/>
    <cellStyle name="標準_様式２（再提出）" xfId="2"/>
    <cellStyle name="標準_様式３（再提出）" xfId="3"/>
    <cellStyle name="標準_様式４（再提出）" xfId="4"/>
    <cellStyle name="標準_様式５（再提出）" xf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6</xdr:col>
      <xdr:colOff>406400</xdr:colOff>
      <xdr:row>4</xdr:row>
      <xdr:rowOff>139700</xdr:rowOff>
    </xdr:from>
    <xdr:to>
      <xdr:col>8</xdr:col>
      <xdr:colOff>103542</xdr:colOff>
      <xdr:row>7</xdr:row>
      <xdr:rowOff>66711</xdr:rowOff>
    </xdr:to>
    <xdr:sp macro="" textlink="">
      <xdr:nvSpPr>
        <xdr:cNvPr id="2" name="四角形吹き出し 1"/>
        <xdr:cNvSpPr/>
      </xdr:nvSpPr>
      <xdr:spPr>
        <a:xfrm>
          <a:off x="4400550" y="977900"/>
          <a:ext cx="1157642" cy="555661"/>
        </a:xfrm>
        <a:prstGeom prst="wedgeRectCallout">
          <a:avLst>
            <a:gd name="adj1" fmla="val -8638"/>
            <a:gd name="adj2" fmla="val 74364"/>
          </a:avLst>
        </a:prstGeom>
      </xdr:spPr>
      <xdr:style>
        <a:lnRef idx="2">
          <a:schemeClr val="accent6"/>
        </a:lnRef>
        <a:fillRef idx="1">
          <a:schemeClr val="lt1"/>
        </a:fillRef>
        <a:effectRef idx="0">
          <a:schemeClr val="accent6"/>
        </a:effectRef>
        <a:fontRef idx="minor">
          <a:schemeClr val="dk1"/>
        </a:fontRef>
      </xdr:style>
      <xdr:txBody>
        <a:bodyPr vertOverflow="clip" rtlCol="0" anchor="ctr"/>
        <a:lstStyle/>
        <a:p>
          <a:pPr algn="l">
            <a:lnSpc>
              <a:spcPts val="1300"/>
            </a:lnSpc>
          </a:pPr>
          <a:r>
            <a:rPr kumimoji="1" lang="ja-JP" altLang="en-US" sz="1100">
              <a:solidFill>
                <a:srgbClr val="0070C0"/>
              </a:solidFill>
            </a:rPr>
            <a:t>法人の場合は、理事長</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93700</xdr:colOff>
      <xdr:row>4</xdr:row>
      <xdr:rowOff>152400</xdr:rowOff>
    </xdr:from>
    <xdr:to>
      <xdr:col>8</xdr:col>
      <xdr:colOff>90842</xdr:colOff>
      <xdr:row>7</xdr:row>
      <xdr:rowOff>79411</xdr:rowOff>
    </xdr:to>
    <xdr:sp macro="" textlink="">
      <xdr:nvSpPr>
        <xdr:cNvPr id="2" name="四角形吹き出し 1"/>
        <xdr:cNvSpPr/>
      </xdr:nvSpPr>
      <xdr:spPr>
        <a:xfrm>
          <a:off x="4387850" y="990600"/>
          <a:ext cx="1157642" cy="555661"/>
        </a:xfrm>
        <a:prstGeom prst="wedgeRectCallout">
          <a:avLst>
            <a:gd name="adj1" fmla="val -8638"/>
            <a:gd name="adj2" fmla="val 74364"/>
          </a:avLst>
        </a:prstGeom>
      </xdr:spPr>
      <xdr:style>
        <a:lnRef idx="2">
          <a:schemeClr val="accent6"/>
        </a:lnRef>
        <a:fillRef idx="1">
          <a:schemeClr val="lt1"/>
        </a:fillRef>
        <a:effectRef idx="0">
          <a:schemeClr val="accent6"/>
        </a:effectRef>
        <a:fontRef idx="minor">
          <a:schemeClr val="dk1"/>
        </a:fontRef>
      </xdr:style>
      <xdr:txBody>
        <a:bodyPr vertOverflow="clip" rtlCol="0" anchor="ctr"/>
        <a:lstStyle/>
        <a:p>
          <a:pPr algn="l">
            <a:lnSpc>
              <a:spcPts val="1300"/>
            </a:lnSpc>
          </a:pPr>
          <a:r>
            <a:rPr kumimoji="1" lang="ja-JP" altLang="en-US" sz="1100">
              <a:solidFill>
                <a:srgbClr val="0070C0"/>
              </a:solidFill>
            </a:rPr>
            <a:t>法人の場合は、理事長</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99060</xdr:colOff>
      <xdr:row>3</xdr:row>
      <xdr:rowOff>327660</xdr:rowOff>
    </xdr:from>
    <xdr:to>
      <xdr:col>0</xdr:col>
      <xdr:colOff>190500</xdr:colOff>
      <xdr:row>4</xdr:row>
      <xdr:rowOff>289560</xdr:rowOff>
    </xdr:to>
    <xdr:sp macro="" textlink="">
      <xdr:nvSpPr>
        <xdr:cNvPr id="1291" name="AutoShape 3"/>
        <xdr:cNvSpPr>
          <a:spLocks/>
        </xdr:cNvSpPr>
      </xdr:nvSpPr>
      <xdr:spPr bwMode="auto">
        <a:xfrm>
          <a:off x="99060" y="739140"/>
          <a:ext cx="91440" cy="342900"/>
        </a:xfrm>
        <a:prstGeom prst="leftBracket">
          <a:avLst>
            <a:gd name="adj" fmla="val 3125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121920</xdr:colOff>
      <xdr:row>3</xdr:row>
      <xdr:rowOff>312420</xdr:rowOff>
    </xdr:from>
    <xdr:to>
      <xdr:col>4</xdr:col>
      <xdr:colOff>198120</xdr:colOff>
      <xdr:row>4</xdr:row>
      <xdr:rowOff>289560</xdr:rowOff>
    </xdr:to>
    <xdr:sp macro="" textlink="">
      <xdr:nvSpPr>
        <xdr:cNvPr id="1292" name="AutoShape 4"/>
        <xdr:cNvSpPr>
          <a:spLocks/>
        </xdr:cNvSpPr>
      </xdr:nvSpPr>
      <xdr:spPr bwMode="auto">
        <a:xfrm>
          <a:off x="1371600" y="723900"/>
          <a:ext cx="76200" cy="358140"/>
        </a:xfrm>
        <a:prstGeom prst="rightBracket">
          <a:avLst>
            <a:gd name="adj" fmla="val 391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7</xdr:col>
      <xdr:colOff>304800</xdr:colOff>
      <xdr:row>15</xdr:row>
      <xdr:rowOff>38100</xdr:rowOff>
    </xdr:from>
    <xdr:to>
      <xdr:col>19</xdr:col>
      <xdr:colOff>82550</xdr:colOff>
      <xdr:row>15</xdr:row>
      <xdr:rowOff>38100</xdr:rowOff>
    </xdr:to>
    <xdr:sp macro="" textlink="">
      <xdr:nvSpPr>
        <xdr:cNvPr id="5" name="Line 2"/>
        <xdr:cNvSpPr>
          <a:spLocks noChangeShapeType="1"/>
        </xdr:cNvSpPr>
      </xdr:nvSpPr>
      <xdr:spPr bwMode="auto">
        <a:xfrm flipH="1">
          <a:off x="5594350" y="4254500"/>
          <a:ext cx="400050" cy="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0</xdr:col>
      <xdr:colOff>101021</xdr:colOff>
      <xdr:row>18</xdr:row>
      <xdr:rowOff>144318</xdr:rowOff>
    </xdr:from>
    <xdr:to>
      <xdr:col>19</xdr:col>
      <xdr:colOff>115453</xdr:colOff>
      <xdr:row>20</xdr:row>
      <xdr:rowOff>209261</xdr:rowOff>
    </xdr:to>
    <xdr:sp macro="" textlink="">
      <xdr:nvSpPr>
        <xdr:cNvPr id="6" name="AutoShape 10"/>
        <xdr:cNvSpPr>
          <a:spLocks noChangeArrowheads="1"/>
        </xdr:cNvSpPr>
      </xdr:nvSpPr>
      <xdr:spPr bwMode="auto">
        <a:xfrm>
          <a:off x="3212521" y="5122718"/>
          <a:ext cx="2814782" cy="572943"/>
        </a:xfrm>
        <a:prstGeom prst="wedgeRectCallout">
          <a:avLst>
            <a:gd name="adj1" fmla="val 2653"/>
            <a:gd name="adj2" fmla="val -99255"/>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70C0"/>
              </a:solidFill>
              <a:latin typeface="ＭＳ Ｐゴシック"/>
              <a:ea typeface="ＭＳ Ｐゴシック"/>
            </a:rPr>
            <a:t>担当科目、教員調書の担当予定科目、就任承諾書の担当科目が同一となるように記入すること。</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99060</xdr:colOff>
      <xdr:row>3</xdr:row>
      <xdr:rowOff>327660</xdr:rowOff>
    </xdr:from>
    <xdr:to>
      <xdr:col>0</xdr:col>
      <xdr:colOff>190500</xdr:colOff>
      <xdr:row>4</xdr:row>
      <xdr:rowOff>289560</xdr:rowOff>
    </xdr:to>
    <xdr:sp macro="" textlink="">
      <xdr:nvSpPr>
        <xdr:cNvPr id="23575" name="AutoShape 3"/>
        <xdr:cNvSpPr>
          <a:spLocks/>
        </xdr:cNvSpPr>
      </xdr:nvSpPr>
      <xdr:spPr bwMode="auto">
        <a:xfrm>
          <a:off x="99060" y="739140"/>
          <a:ext cx="91440" cy="342900"/>
        </a:xfrm>
        <a:prstGeom prst="leftBracket">
          <a:avLst>
            <a:gd name="adj" fmla="val 3125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121920</xdr:colOff>
      <xdr:row>3</xdr:row>
      <xdr:rowOff>312420</xdr:rowOff>
    </xdr:from>
    <xdr:to>
      <xdr:col>4</xdr:col>
      <xdr:colOff>198120</xdr:colOff>
      <xdr:row>4</xdr:row>
      <xdr:rowOff>289560</xdr:rowOff>
    </xdr:to>
    <xdr:sp macro="" textlink="">
      <xdr:nvSpPr>
        <xdr:cNvPr id="23576" name="AutoShape 4"/>
        <xdr:cNvSpPr>
          <a:spLocks/>
        </xdr:cNvSpPr>
      </xdr:nvSpPr>
      <xdr:spPr bwMode="auto">
        <a:xfrm>
          <a:off x="1371600" y="723900"/>
          <a:ext cx="76200" cy="358140"/>
        </a:xfrm>
        <a:prstGeom prst="rightBracket">
          <a:avLst>
            <a:gd name="adj" fmla="val 391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7</xdr:col>
      <xdr:colOff>304800</xdr:colOff>
      <xdr:row>15</xdr:row>
      <xdr:rowOff>38100</xdr:rowOff>
    </xdr:from>
    <xdr:to>
      <xdr:col>19</xdr:col>
      <xdr:colOff>82550</xdr:colOff>
      <xdr:row>15</xdr:row>
      <xdr:rowOff>38100</xdr:rowOff>
    </xdr:to>
    <xdr:sp macro="" textlink="">
      <xdr:nvSpPr>
        <xdr:cNvPr id="4" name="Line 2"/>
        <xdr:cNvSpPr>
          <a:spLocks noChangeShapeType="1"/>
        </xdr:cNvSpPr>
      </xdr:nvSpPr>
      <xdr:spPr bwMode="auto">
        <a:xfrm flipH="1">
          <a:off x="5594350" y="4254500"/>
          <a:ext cx="400050" cy="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0</xdr:col>
      <xdr:colOff>101021</xdr:colOff>
      <xdr:row>18</xdr:row>
      <xdr:rowOff>144318</xdr:rowOff>
    </xdr:from>
    <xdr:to>
      <xdr:col>19</xdr:col>
      <xdr:colOff>115453</xdr:colOff>
      <xdr:row>20</xdr:row>
      <xdr:rowOff>209261</xdr:rowOff>
    </xdr:to>
    <xdr:sp macro="" textlink="">
      <xdr:nvSpPr>
        <xdr:cNvPr id="5" name="AutoShape 10"/>
        <xdr:cNvSpPr>
          <a:spLocks noChangeArrowheads="1"/>
        </xdr:cNvSpPr>
      </xdr:nvSpPr>
      <xdr:spPr bwMode="auto">
        <a:xfrm>
          <a:off x="3212521" y="5122718"/>
          <a:ext cx="2814782" cy="572943"/>
        </a:xfrm>
        <a:prstGeom prst="wedgeRectCallout">
          <a:avLst>
            <a:gd name="adj1" fmla="val 2653"/>
            <a:gd name="adj2" fmla="val -99255"/>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70C0"/>
              </a:solidFill>
              <a:latin typeface="ＭＳ Ｐゴシック"/>
              <a:ea typeface="ＭＳ Ｐゴシック"/>
            </a:rPr>
            <a:t>担当科目、教員調書の担当予定科目、就任承諾書の担当科目が同一となるように記入すること。</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6</xdr:col>
      <xdr:colOff>1206500</xdr:colOff>
      <xdr:row>16</xdr:row>
      <xdr:rowOff>158750</xdr:rowOff>
    </xdr:from>
    <xdr:to>
      <xdr:col>8</xdr:col>
      <xdr:colOff>278655</xdr:colOff>
      <xdr:row>18</xdr:row>
      <xdr:rowOff>203468</xdr:rowOff>
    </xdr:to>
    <xdr:sp macro="" textlink="">
      <xdr:nvSpPr>
        <xdr:cNvPr id="2" name="テキスト ボックス 1"/>
        <xdr:cNvSpPr txBox="1"/>
      </xdr:nvSpPr>
      <xdr:spPr>
        <a:xfrm>
          <a:off x="4254500" y="4749800"/>
          <a:ext cx="1269255" cy="997218"/>
        </a:xfrm>
        <a:prstGeom prst="rect">
          <a:avLst/>
        </a:prstGeom>
        <a:ln/>
      </xdr:spPr>
      <xdr:style>
        <a:lnRef idx="2">
          <a:schemeClr val="accent2"/>
        </a:lnRef>
        <a:fillRef idx="1">
          <a:schemeClr val="lt1"/>
        </a:fillRef>
        <a:effectRef idx="0">
          <a:schemeClr val="accent2"/>
        </a:effectRef>
        <a:fontRef idx="minor">
          <a:schemeClr val="dk1"/>
        </a:fontRef>
      </xdr:style>
      <xdr:txBody>
        <a:bodyPr vertOverflow="clip" horzOverflow="clip" wrap="square" rtlCol="0" anchor="ctr"/>
        <a:lstStyle/>
        <a:p>
          <a:r>
            <a:rPr lang="ja-JP" altLang="en-US" sz="1100" b="0" i="0" u="none" strike="noStrike" baseline="0" smtClean="0">
              <a:solidFill>
                <a:srgbClr val="0070C0"/>
              </a:solidFill>
              <a:latin typeface="+mn-lt"/>
              <a:ea typeface="+mn-ea"/>
              <a:cs typeface="+mn-cs"/>
            </a:rPr>
            <a:t>・ 専任・非常勤の別を明記すること。</a:t>
          </a:r>
        </a:p>
        <a:p>
          <a:r>
            <a:rPr lang="ja-JP" altLang="en-US" sz="1100" b="0" i="0" u="none" strike="noStrike" baseline="0" smtClean="0">
              <a:solidFill>
                <a:srgbClr val="0070C0"/>
              </a:solidFill>
              <a:latin typeface="+mn-lt"/>
              <a:ea typeface="+mn-ea"/>
              <a:cs typeface="+mn-cs"/>
            </a:rPr>
            <a:t>・ 担当科目を明記すること。</a:t>
          </a:r>
          <a:endParaRPr kumimoji="1" lang="ja-JP" altLang="en-US" sz="1100">
            <a:solidFill>
              <a:srgbClr val="0070C0"/>
            </a:solidFill>
          </a:endParaRPr>
        </a:p>
      </xdr:txBody>
    </xdr:sp>
    <xdr:clientData/>
  </xdr:twoCellAnchor>
</xdr:wsDr>
</file>

<file path=xl/drawings/drawing6.xml><?xml version="1.0" encoding="utf-8"?>
<xdr:wsDr xmlns:xdr="http://schemas.openxmlformats.org/drawingml/2006/spreadsheetDrawing" xmlns:a="http://schemas.openxmlformats.org/drawingml/2006/main">
  <xdr:twoCellAnchor editAs="oneCell">
    <xdr:from>
      <xdr:col>15</xdr:col>
      <xdr:colOff>0</xdr:colOff>
      <xdr:row>114</xdr:row>
      <xdr:rowOff>160020</xdr:rowOff>
    </xdr:from>
    <xdr:to>
      <xdr:col>15</xdr:col>
      <xdr:colOff>76200</xdr:colOff>
      <xdr:row>115</xdr:row>
      <xdr:rowOff>144780</xdr:rowOff>
    </xdr:to>
    <xdr:sp macro="" textlink="">
      <xdr:nvSpPr>
        <xdr:cNvPr id="9845" name="Text Box 9"/>
        <xdr:cNvSpPr txBox="1">
          <a:spLocks noChangeArrowheads="1"/>
        </xdr:cNvSpPr>
      </xdr:nvSpPr>
      <xdr:spPr bwMode="auto">
        <a:xfrm>
          <a:off x="12153900" y="26837640"/>
          <a:ext cx="76200" cy="213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1</xdr:col>
      <xdr:colOff>685800</xdr:colOff>
      <xdr:row>28</xdr:row>
      <xdr:rowOff>68580</xdr:rowOff>
    </xdr:from>
    <xdr:to>
      <xdr:col>1</xdr:col>
      <xdr:colOff>762000</xdr:colOff>
      <xdr:row>30</xdr:row>
      <xdr:rowOff>243840</xdr:rowOff>
    </xdr:to>
    <xdr:sp macro="" textlink="">
      <xdr:nvSpPr>
        <xdr:cNvPr id="9846" name="AutoShape 1"/>
        <xdr:cNvSpPr>
          <a:spLocks/>
        </xdr:cNvSpPr>
      </xdr:nvSpPr>
      <xdr:spPr bwMode="auto">
        <a:xfrm>
          <a:off x="1112520" y="6880860"/>
          <a:ext cx="76200" cy="678180"/>
        </a:xfrm>
        <a:prstGeom prst="leftBracket">
          <a:avLst>
            <a:gd name="adj" fmla="val 74167"/>
          </a:avLst>
        </a:prstGeom>
        <a:noFill/>
        <a:ln w="63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4</xdr:col>
      <xdr:colOff>1463040</xdr:colOff>
      <xdr:row>28</xdr:row>
      <xdr:rowOff>53340</xdr:rowOff>
    </xdr:from>
    <xdr:to>
      <xdr:col>14</xdr:col>
      <xdr:colOff>1539240</xdr:colOff>
      <xdr:row>30</xdr:row>
      <xdr:rowOff>205740</xdr:rowOff>
    </xdr:to>
    <xdr:sp macro="" textlink="">
      <xdr:nvSpPr>
        <xdr:cNvPr id="9847" name="AutoShape 2"/>
        <xdr:cNvSpPr>
          <a:spLocks/>
        </xdr:cNvSpPr>
      </xdr:nvSpPr>
      <xdr:spPr bwMode="auto">
        <a:xfrm>
          <a:off x="10911840" y="6865620"/>
          <a:ext cx="76200" cy="655320"/>
        </a:xfrm>
        <a:prstGeom prst="rightBracket">
          <a:avLst>
            <a:gd name="adj" fmla="val 71667"/>
          </a:avLst>
        </a:prstGeom>
        <a:noFill/>
        <a:ln w="63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38100</xdr:colOff>
      <xdr:row>77</xdr:row>
      <xdr:rowOff>45720</xdr:rowOff>
    </xdr:from>
    <xdr:to>
      <xdr:col>1</xdr:col>
      <xdr:colOff>358140</xdr:colOff>
      <xdr:row>98</xdr:row>
      <xdr:rowOff>0</xdr:rowOff>
    </xdr:to>
    <xdr:sp macro="" textlink="">
      <xdr:nvSpPr>
        <xdr:cNvPr id="9848" name="AutoShape 6"/>
        <xdr:cNvSpPr>
          <a:spLocks/>
        </xdr:cNvSpPr>
      </xdr:nvSpPr>
      <xdr:spPr bwMode="auto">
        <a:xfrm>
          <a:off x="464820" y="18265140"/>
          <a:ext cx="320040" cy="4754880"/>
        </a:xfrm>
        <a:prstGeom prst="rightBrace">
          <a:avLst>
            <a:gd name="adj1" fmla="val 140455"/>
            <a:gd name="adj2" fmla="val 62625"/>
          </a:avLst>
        </a:prstGeom>
        <a:noFill/>
        <a:ln w="63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15</xdr:col>
      <xdr:colOff>0</xdr:colOff>
      <xdr:row>113</xdr:row>
      <xdr:rowOff>160020</xdr:rowOff>
    </xdr:from>
    <xdr:to>
      <xdr:col>15</xdr:col>
      <xdr:colOff>76200</xdr:colOff>
      <xdr:row>114</xdr:row>
      <xdr:rowOff>144780</xdr:rowOff>
    </xdr:to>
    <xdr:sp macro="" textlink="">
      <xdr:nvSpPr>
        <xdr:cNvPr id="9849" name="Text Box 9"/>
        <xdr:cNvSpPr txBox="1">
          <a:spLocks noChangeArrowheads="1"/>
        </xdr:cNvSpPr>
      </xdr:nvSpPr>
      <xdr:spPr bwMode="auto">
        <a:xfrm>
          <a:off x="12153900" y="26609040"/>
          <a:ext cx="76200" cy="213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3</xdr:col>
      <xdr:colOff>95250</xdr:colOff>
      <xdr:row>98</xdr:row>
      <xdr:rowOff>200026</xdr:rowOff>
    </xdr:from>
    <xdr:to>
      <xdr:col>3</xdr:col>
      <xdr:colOff>154132</xdr:colOff>
      <xdr:row>100</xdr:row>
      <xdr:rowOff>212726</xdr:rowOff>
    </xdr:to>
    <xdr:sp macro="" textlink="">
      <xdr:nvSpPr>
        <xdr:cNvPr id="18" name="左大かっこ 17"/>
        <xdr:cNvSpPr/>
      </xdr:nvSpPr>
      <xdr:spPr>
        <a:xfrm>
          <a:off x="2047875" y="22555201"/>
          <a:ext cx="64770" cy="476250"/>
        </a:xfrm>
        <a:prstGeom prst="leftBracket">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twoCellAnchor>
    <xdr:from>
      <xdr:col>3</xdr:col>
      <xdr:colOff>419101</xdr:colOff>
      <xdr:row>98</xdr:row>
      <xdr:rowOff>209550</xdr:rowOff>
    </xdr:from>
    <xdr:to>
      <xdr:col>3</xdr:col>
      <xdr:colOff>459105</xdr:colOff>
      <xdr:row>100</xdr:row>
      <xdr:rowOff>212768</xdr:rowOff>
    </xdr:to>
    <xdr:sp macro="" textlink="">
      <xdr:nvSpPr>
        <xdr:cNvPr id="19" name="右大かっこ 18"/>
        <xdr:cNvSpPr/>
      </xdr:nvSpPr>
      <xdr:spPr>
        <a:xfrm>
          <a:off x="2371726" y="22564725"/>
          <a:ext cx="45719" cy="466725"/>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0</xdr:colOff>
      <xdr:row>0</xdr:row>
      <xdr:rowOff>0</xdr:rowOff>
    </xdr:from>
    <xdr:to>
      <xdr:col>0</xdr:col>
      <xdr:colOff>0</xdr:colOff>
      <xdr:row>0</xdr:row>
      <xdr:rowOff>0</xdr:rowOff>
    </xdr:to>
    <xdr:sp macro="" textlink="">
      <xdr:nvSpPr>
        <xdr:cNvPr id="2" name="AutoShape 1"/>
        <xdr:cNvSpPr>
          <a:spLocks noChangeArrowheads="1"/>
        </xdr:cNvSpPr>
      </xdr:nvSpPr>
      <xdr:spPr bwMode="auto">
        <a:xfrm>
          <a:off x="0" y="0"/>
          <a:ext cx="0" cy="0"/>
        </a:xfrm>
        <a:prstGeom prst="wedgeRectCallout">
          <a:avLst>
            <a:gd name="adj1" fmla="val -54907"/>
            <a:gd name="adj2" fmla="val -94444"/>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00" b="0" i="0" u="none" strike="noStrike" baseline="0">
              <a:solidFill>
                <a:srgbClr val="000000"/>
              </a:solidFill>
              <a:latin typeface="ＭＳ 明朝"/>
              <a:ea typeface="ＭＳ 明朝"/>
            </a:rPr>
            <a:t>○○法人○○○○○</a:t>
          </a:r>
        </a:p>
        <a:p>
          <a:pPr algn="l" rtl="0">
            <a:defRPr sz="1000"/>
          </a:pPr>
          <a:r>
            <a:rPr lang="ja-JP" altLang="en-US" sz="1000" b="0" i="0" u="none" strike="noStrike" baseline="0">
              <a:solidFill>
                <a:srgbClr val="000000"/>
              </a:solidFill>
              <a:latin typeface="ＭＳ 明朝"/>
              <a:ea typeface="ＭＳ 明朝"/>
            </a:rPr>
            <a:t>　理事長　○○　○○</a:t>
          </a:r>
        </a:p>
      </xdr:txBody>
    </xdr:sp>
    <xdr:clientData/>
  </xdr:twoCellAnchor>
  <xdr:twoCellAnchor>
    <xdr:from>
      <xdr:col>0</xdr:col>
      <xdr:colOff>0</xdr:colOff>
      <xdr:row>13</xdr:row>
      <xdr:rowOff>142875</xdr:rowOff>
    </xdr:from>
    <xdr:to>
      <xdr:col>0</xdr:col>
      <xdr:colOff>0</xdr:colOff>
      <xdr:row>17</xdr:row>
      <xdr:rowOff>161925</xdr:rowOff>
    </xdr:to>
    <xdr:sp macro="" textlink="">
      <xdr:nvSpPr>
        <xdr:cNvPr id="3" name="AutoShape 2"/>
        <xdr:cNvSpPr>
          <a:spLocks noChangeArrowheads="1"/>
        </xdr:cNvSpPr>
      </xdr:nvSpPr>
      <xdr:spPr bwMode="auto">
        <a:xfrm>
          <a:off x="0" y="2809875"/>
          <a:ext cx="0" cy="811530"/>
        </a:xfrm>
        <a:prstGeom prst="wedgeRectCallout">
          <a:avLst>
            <a:gd name="adj1" fmla="val -72819"/>
            <a:gd name="adj2" fmla="val -27356"/>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00" b="0" i="0" u="none" strike="noStrike" baseline="0">
              <a:solidFill>
                <a:srgbClr val="000000"/>
              </a:solidFill>
              <a:latin typeface="ＭＳ 明朝"/>
              <a:ea typeface="ＭＳ 明朝"/>
            </a:rPr>
            <a:t>（例）</a:t>
          </a:r>
          <a:endParaRPr lang="ja-JP" altLang="en-US" sz="1200" b="0" i="0" u="none" strike="noStrike" baseline="0">
            <a:solidFill>
              <a:srgbClr val="000000"/>
            </a:solidFill>
            <a:latin typeface="ＭＳ 明朝"/>
            <a:ea typeface="ＭＳ 明朝"/>
          </a:endParaRPr>
        </a:p>
        <a:p>
          <a:pPr algn="l" rtl="0">
            <a:defRPr sz="1000"/>
          </a:pPr>
          <a:r>
            <a:rPr lang="ja-JP" altLang="en-US" sz="1000" b="0" i="0" u="none" strike="noStrike" baseline="0">
              <a:solidFill>
                <a:srgbClr val="000000"/>
              </a:solidFill>
              <a:latin typeface="ＭＳ 明朝"/>
              <a:ea typeface="ＭＳ 明朝"/>
            </a:rPr>
            <a:t>　○月初旬～○月中旬</a:t>
          </a:r>
        </a:p>
        <a:p>
          <a:pPr algn="l" rtl="0">
            <a:defRPr sz="1000"/>
          </a:pPr>
          <a:r>
            <a:rPr lang="ja-JP" altLang="en-US" sz="1000" b="0" i="0" u="none" strike="noStrike" baseline="0">
              <a:solidFill>
                <a:srgbClr val="000000"/>
              </a:solidFill>
              <a:latin typeface="ＭＳ 明朝"/>
              <a:ea typeface="ＭＳ 明朝"/>
            </a:rPr>
            <a:t>　○月１週目～○月２週目</a:t>
          </a:r>
        </a:p>
        <a:p>
          <a:pPr algn="l" rtl="0">
            <a:defRPr sz="1000"/>
          </a:pPr>
          <a:r>
            <a:rPr lang="ja-JP" altLang="en-US" sz="1000" b="0" i="0" u="none" strike="noStrike" baseline="0">
              <a:solidFill>
                <a:srgbClr val="000000"/>
              </a:solidFill>
              <a:latin typeface="ＭＳ 明朝"/>
              <a:ea typeface="ＭＳ 明朝"/>
            </a:rPr>
            <a:t>　○月○日～○月○日</a:t>
          </a:r>
        </a:p>
        <a:p>
          <a:pPr algn="l" rtl="0">
            <a:defRPr sz="1000"/>
          </a:pPr>
          <a:r>
            <a:rPr lang="ja-JP" altLang="en-US" sz="1000" b="0" i="0" u="none" strike="noStrike" baseline="0">
              <a:solidFill>
                <a:srgbClr val="000000"/>
              </a:solidFill>
              <a:latin typeface="ＭＳ 明朝"/>
              <a:ea typeface="ＭＳ 明朝"/>
            </a:rPr>
            <a:t>　○月と○月の間の１０日間</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4</xdr:col>
      <xdr:colOff>584200</xdr:colOff>
      <xdr:row>1</xdr:row>
      <xdr:rowOff>171450</xdr:rowOff>
    </xdr:from>
    <xdr:to>
      <xdr:col>5</xdr:col>
      <xdr:colOff>349250</xdr:colOff>
      <xdr:row>2</xdr:row>
      <xdr:rowOff>353789</xdr:rowOff>
    </xdr:to>
    <xdr:sp macro="" textlink="">
      <xdr:nvSpPr>
        <xdr:cNvPr id="2" name="角丸四角形吹き出し 1"/>
        <xdr:cNvSpPr/>
      </xdr:nvSpPr>
      <xdr:spPr>
        <a:xfrm>
          <a:off x="5556250" y="571500"/>
          <a:ext cx="1123950" cy="582389"/>
        </a:xfrm>
        <a:prstGeom prst="wedgeRoundRectCallout">
          <a:avLst>
            <a:gd name="adj1" fmla="val -98480"/>
            <a:gd name="adj2" fmla="val 12500"/>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rtlCol="0" anchor="ctr"/>
        <a:lstStyle/>
        <a:p>
          <a:pPr algn="l">
            <a:lnSpc>
              <a:spcPts val="1300"/>
            </a:lnSpc>
          </a:pPr>
          <a:r>
            <a:rPr kumimoji="1" lang="ja-JP" altLang="en-US" sz="1100">
              <a:solidFill>
                <a:srgbClr val="0070C0"/>
              </a:solidFill>
              <a:latin typeface="HGSｺﾞｼｯｸM" pitchFamily="50" charset="-128"/>
              <a:ea typeface="HGSｺﾞｼｯｸM" pitchFamily="50" charset="-128"/>
            </a:rPr>
            <a:t>実習種別ごとに作成す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692150</xdr:colOff>
      <xdr:row>9</xdr:row>
      <xdr:rowOff>133350</xdr:rowOff>
    </xdr:from>
    <xdr:to>
      <xdr:col>1</xdr:col>
      <xdr:colOff>473075</xdr:colOff>
      <xdr:row>11</xdr:row>
      <xdr:rowOff>57150</xdr:rowOff>
    </xdr:to>
    <xdr:sp macro="" textlink="">
      <xdr:nvSpPr>
        <xdr:cNvPr id="2" name="AutoShape 1"/>
        <xdr:cNvSpPr>
          <a:spLocks noChangeArrowheads="1"/>
        </xdr:cNvSpPr>
      </xdr:nvSpPr>
      <xdr:spPr bwMode="auto">
        <a:xfrm>
          <a:off x="692150" y="2628900"/>
          <a:ext cx="1838325" cy="431800"/>
        </a:xfrm>
        <a:prstGeom prst="wedgeRectCallout">
          <a:avLst>
            <a:gd name="adj1" fmla="val -41623"/>
            <a:gd name="adj2" fmla="val -76587"/>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70C0"/>
              </a:solidFill>
              <a:latin typeface="ＭＳ 明朝"/>
              <a:ea typeface="ＭＳ 明朝"/>
            </a:rPr>
            <a:t>○○法人○○○○○</a:t>
          </a:r>
        </a:p>
        <a:p>
          <a:pPr algn="l" rtl="0">
            <a:lnSpc>
              <a:spcPts val="1100"/>
            </a:lnSpc>
            <a:defRPr sz="1000"/>
          </a:pPr>
          <a:r>
            <a:rPr lang="ja-JP" altLang="en-US" sz="1000" b="0" i="0" u="none" strike="noStrike" baseline="0">
              <a:solidFill>
                <a:srgbClr val="0070C0"/>
              </a:solidFill>
              <a:latin typeface="ＭＳ 明朝"/>
              <a:ea typeface="ＭＳ 明朝"/>
            </a:rPr>
            <a:t>　理事長　○○　○○</a:t>
          </a:r>
        </a:p>
      </xdr:txBody>
    </xdr:sp>
    <xdr:clientData/>
  </xdr:twoCellAnchor>
  <xdr:twoCellAnchor>
    <xdr:from>
      <xdr:col>1</xdr:col>
      <xdr:colOff>609600</xdr:colOff>
      <xdr:row>29</xdr:row>
      <xdr:rowOff>165100</xdr:rowOff>
    </xdr:from>
    <xdr:to>
      <xdr:col>1</xdr:col>
      <xdr:colOff>2911484</xdr:colOff>
      <xdr:row>33</xdr:row>
      <xdr:rowOff>184150</xdr:rowOff>
    </xdr:to>
    <xdr:sp macro="" textlink="">
      <xdr:nvSpPr>
        <xdr:cNvPr id="3" name="AutoShape 2"/>
        <xdr:cNvSpPr>
          <a:spLocks noChangeArrowheads="1"/>
        </xdr:cNvSpPr>
      </xdr:nvSpPr>
      <xdr:spPr bwMode="auto">
        <a:xfrm>
          <a:off x="2667000" y="7137400"/>
          <a:ext cx="2301884" cy="1035050"/>
        </a:xfrm>
        <a:prstGeom prst="wedgeRectCallout">
          <a:avLst>
            <a:gd name="adj1" fmla="val -72819"/>
            <a:gd name="adj2" fmla="val -27356"/>
          </a:avLst>
        </a:prstGeom>
        <a:solidFill>
          <a:srgbClr val="FFFFFF"/>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70C0"/>
              </a:solidFill>
              <a:latin typeface="ＭＳ 明朝"/>
              <a:ea typeface="ＭＳ 明朝"/>
            </a:rPr>
            <a:t>（例）</a:t>
          </a:r>
          <a:endParaRPr lang="ja-JP" altLang="en-US" sz="1200" b="0" i="0" u="none" strike="noStrike" baseline="0">
            <a:solidFill>
              <a:srgbClr val="0070C0"/>
            </a:solidFill>
            <a:latin typeface="ＭＳ 明朝"/>
            <a:ea typeface="ＭＳ 明朝"/>
          </a:endParaRPr>
        </a:p>
        <a:p>
          <a:pPr algn="l" rtl="0">
            <a:defRPr sz="1000"/>
          </a:pPr>
          <a:r>
            <a:rPr lang="ja-JP" altLang="en-US" sz="1000" b="0" i="0" u="none" strike="noStrike" baseline="0">
              <a:solidFill>
                <a:srgbClr val="0070C0"/>
              </a:solidFill>
              <a:latin typeface="ＭＳ 明朝"/>
              <a:ea typeface="ＭＳ 明朝"/>
            </a:rPr>
            <a:t>　○月初旬～○月中旬</a:t>
          </a:r>
        </a:p>
        <a:p>
          <a:pPr algn="l" rtl="0">
            <a:lnSpc>
              <a:spcPts val="1200"/>
            </a:lnSpc>
            <a:defRPr sz="1000"/>
          </a:pPr>
          <a:r>
            <a:rPr lang="ja-JP" altLang="en-US" sz="1000" b="0" i="0" u="none" strike="noStrike" baseline="0">
              <a:solidFill>
                <a:srgbClr val="0070C0"/>
              </a:solidFill>
              <a:latin typeface="ＭＳ 明朝"/>
              <a:ea typeface="ＭＳ 明朝"/>
            </a:rPr>
            <a:t>　○月１週目～○月２週目</a:t>
          </a:r>
        </a:p>
        <a:p>
          <a:pPr algn="l" rtl="0">
            <a:defRPr sz="1000"/>
          </a:pPr>
          <a:r>
            <a:rPr lang="ja-JP" altLang="en-US" sz="1000" b="0" i="0" u="none" strike="noStrike" baseline="0">
              <a:solidFill>
                <a:srgbClr val="0070C0"/>
              </a:solidFill>
              <a:latin typeface="ＭＳ 明朝"/>
              <a:ea typeface="ＭＳ 明朝"/>
            </a:rPr>
            <a:t>　○月○日～○月○日</a:t>
          </a:r>
        </a:p>
        <a:p>
          <a:pPr algn="l" rtl="0">
            <a:lnSpc>
              <a:spcPts val="1200"/>
            </a:lnSpc>
            <a:defRPr sz="1000"/>
          </a:pPr>
          <a:r>
            <a:rPr lang="ja-JP" altLang="en-US" sz="1000" b="0" i="0" u="none" strike="noStrike" baseline="0">
              <a:solidFill>
                <a:srgbClr val="0070C0"/>
              </a:solidFill>
              <a:latin typeface="ＭＳ 明朝"/>
              <a:ea typeface="ＭＳ 明朝"/>
            </a:rPr>
            <a:t>　○月と○月の間の１０日間</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lnDef>
      <a:spPr/>
      <a:bodyPr/>
      <a:lstStyle/>
      <a:style>
        <a:lnRef idx="1">
          <a:schemeClr val="accent1"/>
        </a:lnRef>
        <a:fillRef idx="0">
          <a:schemeClr val="accent1"/>
        </a:fillRef>
        <a:effectRef idx="0">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0"/>
  <sheetViews>
    <sheetView tabSelected="1" view="pageBreakPreview" zoomScaleNormal="100" zoomScaleSheetLayoutView="100" workbookViewId="0">
      <selection activeCell="L19" sqref="L19"/>
    </sheetView>
  </sheetViews>
  <sheetFormatPr defaultColWidth="9" defaultRowHeight="16.5" customHeight="1" x14ac:dyDescent="0.2"/>
  <cols>
    <col min="1" max="1" width="4.5" style="77" customWidth="1"/>
    <col min="2" max="8" width="9.58203125" style="77" customWidth="1"/>
    <col min="9" max="9" width="6.5" style="77" customWidth="1"/>
    <col min="10" max="16384" width="9" style="77"/>
  </cols>
  <sheetData>
    <row r="1" spans="1:9" ht="16.5" customHeight="1" x14ac:dyDescent="0.2">
      <c r="D1" s="194"/>
      <c r="E1" s="194"/>
    </row>
    <row r="2" spans="1:9" ht="16.5" customHeight="1" x14ac:dyDescent="0.2">
      <c r="A2" s="229" t="s">
        <v>101</v>
      </c>
      <c r="B2" s="229"/>
      <c r="C2" s="229"/>
      <c r="D2" s="229"/>
      <c r="E2" s="229"/>
      <c r="F2" s="229"/>
      <c r="G2" s="229"/>
      <c r="H2" s="229"/>
      <c r="I2" s="229"/>
    </row>
    <row r="3" spans="1:9" ht="16.5" customHeight="1" x14ac:dyDescent="0.2">
      <c r="A3" s="229" t="s">
        <v>155</v>
      </c>
      <c r="B3" s="229"/>
      <c r="C3" s="229"/>
      <c r="D3" s="229"/>
      <c r="E3" s="229"/>
      <c r="F3" s="229"/>
      <c r="G3" s="229"/>
      <c r="H3" s="229"/>
      <c r="I3" s="229"/>
    </row>
    <row r="6" spans="1:9" ht="16.5" customHeight="1" x14ac:dyDescent="0.2">
      <c r="B6" s="77" t="s">
        <v>154</v>
      </c>
    </row>
    <row r="9" spans="1:9" ht="16.5" customHeight="1" x14ac:dyDescent="0.2">
      <c r="B9" s="229" t="s">
        <v>230</v>
      </c>
      <c r="C9" s="229"/>
      <c r="D9" s="229"/>
      <c r="E9" s="229"/>
      <c r="F9" s="229"/>
      <c r="G9" s="229"/>
      <c r="H9" s="229"/>
      <c r="I9" s="199" t="s">
        <v>517</v>
      </c>
    </row>
    <row r="10" spans="1:9" ht="16.5" customHeight="1" x14ac:dyDescent="0.2">
      <c r="B10" s="79"/>
      <c r="C10" s="79"/>
      <c r="D10" s="79"/>
      <c r="E10" s="79"/>
      <c r="F10" s="79"/>
      <c r="G10" s="79"/>
      <c r="H10" s="79"/>
    </row>
    <row r="14" spans="1:9" ht="16.5" customHeight="1" x14ac:dyDescent="0.2">
      <c r="A14" s="230" t="s">
        <v>605</v>
      </c>
      <c r="B14" s="230"/>
      <c r="C14" s="230"/>
      <c r="D14" s="230"/>
      <c r="E14" s="230"/>
      <c r="F14" s="230"/>
      <c r="G14" s="230"/>
      <c r="H14" s="230"/>
      <c r="I14" s="230"/>
    </row>
    <row r="19" spans="1:9" ht="20.25" customHeight="1" x14ac:dyDescent="0.2">
      <c r="A19" s="231" t="s">
        <v>345</v>
      </c>
      <c r="B19" s="231"/>
      <c r="C19" s="231"/>
      <c r="D19" s="231"/>
      <c r="E19" s="231"/>
      <c r="F19" s="231"/>
      <c r="G19" s="231"/>
      <c r="H19" s="231"/>
      <c r="I19" s="231"/>
    </row>
    <row r="20" spans="1:9" ht="20.25" customHeight="1" x14ac:dyDescent="0.2">
      <c r="A20" s="231"/>
      <c r="B20" s="231"/>
      <c r="C20" s="231"/>
      <c r="D20" s="231"/>
      <c r="E20" s="231"/>
      <c r="F20" s="231"/>
      <c r="G20" s="231"/>
      <c r="H20" s="231"/>
      <c r="I20" s="231"/>
    </row>
  </sheetData>
  <mergeCells count="5">
    <mergeCell ref="A2:I2"/>
    <mergeCell ref="A3:I3"/>
    <mergeCell ref="B9:H9"/>
    <mergeCell ref="A14:I14"/>
    <mergeCell ref="A19:I20"/>
  </mergeCells>
  <phoneticPr fontId="1"/>
  <pageMargins left="0.7" right="0.7" top="0.75" bottom="0.75" header="0.3" footer="0.3"/>
  <pageSetup paperSize="9" orientation="portrait" horizontalDpi="300" verticalDpi="300"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D28"/>
  <sheetViews>
    <sheetView zoomScaleNormal="100" workbookViewId="0">
      <selection activeCell="K6" sqref="K6:R6"/>
    </sheetView>
  </sheetViews>
  <sheetFormatPr defaultColWidth="9" defaultRowHeight="11" x14ac:dyDescent="0.2"/>
  <cols>
    <col min="1" max="1" width="18.58203125" style="6" customWidth="1"/>
    <col min="2" max="25" width="5.5" style="6" customWidth="1"/>
    <col min="26" max="27" width="3.08203125" style="6" customWidth="1"/>
    <col min="28" max="28" width="2.08203125" style="6" customWidth="1"/>
    <col min="29" max="29" width="2" style="6" customWidth="1"/>
    <col min="30" max="30" width="3.08203125" style="6" hidden="1" customWidth="1"/>
    <col min="31" max="168" width="3.58203125" style="6" customWidth="1"/>
    <col min="169" max="16384" width="9" style="6"/>
  </cols>
  <sheetData>
    <row r="1" spans="1:18" s="5" customFormat="1" ht="20.149999999999999" customHeight="1" x14ac:dyDescent="0.2">
      <c r="A1" s="5" t="s">
        <v>336</v>
      </c>
    </row>
    <row r="2" spans="1:18" s="5" customFormat="1" ht="20.149999999999999" customHeight="1" x14ac:dyDescent="0.2">
      <c r="A2" s="431" t="s">
        <v>44</v>
      </c>
      <c r="B2" s="431" t="s">
        <v>22</v>
      </c>
      <c r="C2" s="431"/>
      <c r="D2" s="431"/>
      <c r="E2" s="428" t="s">
        <v>180</v>
      </c>
      <c r="F2" s="429"/>
      <c r="G2" s="430"/>
      <c r="H2" s="428" t="s">
        <v>181</v>
      </c>
      <c r="I2" s="429"/>
      <c r="J2" s="430"/>
      <c r="K2" s="439" t="s">
        <v>0</v>
      </c>
      <c r="L2" s="440"/>
      <c r="M2" s="440"/>
      <c r="N2" s="440"/>
      <c r="O2" s="440"/>
      <c r="P2" s="440"/>
      <c r="Q2" s="440"/>
      <c r="R2" s="441"/>
    </row>
    <row r="3" spans="1:18" s="5" customFormat="1" ht="20.149999999999999" customHeight="1" x14ac:dyDescent="0.2">
      <c r="A3" s="431"/>
      <c r="B3" s="431"/>
      <c r="C3" s="431"/>
      <c r="D3" s="431"/>
      <c r="E3" s="213" t="s">
        <v>13</v>
      </c>
      <c r="F3" s="213" t="s">
        <v>14</v>
      </c>
      <c r="G3" s="213" t="s">
        <v>15</v>
      </c>
      <c r="H3" s="213" t="s">
        <v>13</v>
      </c>
      <c r="I3" s="213" t="s">
        <v>14</v>
      </c>
      <c r="J3" s="213" t="s">
        <v>15</v>
      </c>
      <c r="K3" s="442" t="s">
        <v>182</v>
      </c>
      <c r="L3" s="443"/>
      <c r="M3" s="443"/>
      <c r="N3" s="443"/>
      <c r="O3" s="443"/>
      <c r="P3" s="443"/>
      <c r="Q3" s="443"/>
      <c r="R3" s="444"/>
    </row>
    <row r="4" spans="1:18" s="5" customFormat="1" ht="40" customHeight="1" x14ac:dyDescent="0.2">
      <c r="A4" s="134" t="s">
        <v>45</v>
      </c>
      <c r="B4" s="426" t="s">
        <v>46</v>
      </c>
      <c r="C4" s="426"/>
      <c r="D4" s="426"/>
      <c r="E4" s="216"/>
      <c r="F4" s="216"/>
      <c r="G4" s="216"/>
      <c r="H4" s="216"/>
      <c r="I4" s="216"/>
      <c r="J4" s="216"/>
      <c r="K4" s="436"/>
      <c r="L4" s="437"/>
      <c r="M4" s="437"/>
      <c r="N4" s="437"/>
      <c r="O4" s="437"/>
      <c r="P4" s="437"/>
      <c r="Q4" s="437"/>
      <c r="R4" s="438"/>
    </row>
    <row r="5" spans="1:18" s="5" customFormat="1" ht="40" customHeight="1" x14ac:dyDescent="0.2">
      <c r="A5" s="195" t="s">
        <v>47</v>
      </c>
      <c r="B5" s="426" t="s">
        <v>150</v>
      </c>
      <c r="C5" s="426"/>
      <c r="D5" s="426"/>
      <c r="E5" s="196"/>
      <c r="F5" s="196"/>
      <c r="G5" s="196"/>
      <c r="H5" s="196"/>
      <c r="I5" s="196"/>
      <c r="J5" s="196"/>
      <c r="K5" s="436"/>
      <c r="L5" s="437"/>
      <c r="M5" s="437"/>
      <c r="N5" s="437"/>
      <c r="O5" s="437"/>
      <c r="P5" s="437"/>
      <c r="Q5" s="437"/>
      <c r="R5" s="438"/>
    </row>
    <row r="6" spans="1:18" s="5" customFormat="1" ht="40" customHeight="1" x14ac:dyDescent="0.2">
      <c r="A6" s="195" t="s">
        <v>615</v>
      </c>
      <c r="B6" s="426" t="s">
        <v>151</v>
      </c>
      <c r="C6" s="426"/>
      <c r="D6" s="426"/>
      <c r="E6" s="196"/>
      <c r="F6" s="196"/>
      <c r="G6" s="196"/>
      <c r="H6" s="196"/>
      <c r="I6" s="196"/>
      <c r="J6" s="196"/>
      <c r="K6" s="436"/>
      <c r="L6" s="437"/>
      <c r="M6" s="437"/>
      <c r="N6" s="437"/>
      <c r="O6" s="437"/>
      <c r="P6" s="437"/>
      <c r="Q6" s="437"/>
      <c r="R6" s="438"/>
    </row>
    <row r="7" spans="1:18" s="5" customFormat="1" ht="40" customHeight="1" x14ac:dyDescent="0.2">
      <c r="A7" s="411" t="s">
        <v>2</v>
      </c>
      <c r="B7" s="412"/>
      <c r="C7" s="412"/>
      <c r="D7" s="427"/>
      <c r="E7" s="216"/>
      <c r="F7" s="216"/>
      <c r="G7" s="216"/>
      <c r="H7" s="216"/>
      <c r="I7" s="216"/>
      <c r="J7" s="216"/>
      <c r="K7" s="436"/>
      <c r="L7" s="437"/>
      <c r="M7" s="437"/>
      <c r="N7" s="437"/>
      <c r="O7" s="437"/>
      <c r="P7" s="437"/>
      <c r="Q7" s="437"/>
      <c r="R7" s="438"/>
    </row>
    <row r="8" spans="1:18" s="5" customFormat="1" ht="40" customHeight="1" x14ac:dyDescent="0.2">
      <c r="A8" s="432" t="s">
        <v>48</v>
      </c>
      <c r="B8" s="433"/>
      <c r="C8" s="433"/>
      <c r="D8" s="434"/>
      <c r="E8" s="196"/>
      <c r="F8" s="196"/>
      <c r="G8" s="196"/>
      <c r="H8" s="196"/>
      <c r="I8" s="196"/>
      <c r="J8" s="196"/>
      <c r="K8" s="436"/>
      <c r="L8" s="437"/>
      <c r="M8" s="437"/>
      <c r="N8" s="437"/>
      <c r="O8" s="437"/>
      <c r="P8" s="437"/>
      <c r="Q8" s="437"/>
      <c r="R8" s="438"/>
    </row>
    <row r="9" spans="1:18" s="5" customFormat="1" ht="40" customHeight="1" x14ac:dyDescent="0.2">
      <c r="A9" s="411" t="s">
        <v>1</v>
      </c>
      <c r="B9" s="412"/>
      <c r="C9" s="412"/>
      <c r="D9" s="427"/>
      <c r="E9" s="216"/>
      <c r="F9" s="216"/>
      <c r="G9" s="216"/>
      <c r="H9" s="216"/>
      <c r="I9" s="216"/>
      <c r="J9" s="216"/>
      <c r="K9" s="436"/>
      <c r="L9" s="437"/>
      <c r="M9" s="437"/>
      <c r="N9" s="437"/>
      <c r="O9" s="437"/>
      <c r="P9" s="437"/>
      <c r="Q9" s="437"/>
      <c r="R9" s="438"/>
    </row>
    <row r="10" spans="1:18" s="5" customFormat="1" ht="40" customHeight="1" x14ac:dyDescent="0.2">
      <c r="A10" s="431" t="s">
        <v>23</v>
      </c>
      <c r="B10" s="431"/>
      <c r="C10" s="431"/>
      <c r="D10" s="431"/>
      <c r="E10" s="216"/>
      <c r="F10" s="216"/>
      <c r="G10" s="216"/>
      <c r="H10" s="216"/>
      <c r="I10" s="216"/>
      <c r="J10" s="216"/>
      <c r="K10" s="435"/>
      <c r="L10" s="435"/>
      <c r="M10" s="435"/>
      <c r="N10" s="435"/>
      <c r="O10" s="435"/>
      <c r="P10" s="435"/>
      <c r="Q10" s="435"/>
      <c r="R10" s="435"/>
    </row>
    <row r="11" spans="1:18" s="5" customFormat="1" ht="20.149999999999999" customHeight="1" x14ac:dyDescent="0.2">
      <c r="A11" s="127"/>
      <c r="B11" s="127"/>
      <c r="C11" s="127"/>
      <c r="D11" s="127"/>
      <c r="E11" s="127"/>
      <c r="F11" s="127"/>
      <c r="G11" s="127"/>
      <c r="H11" s="127"/>
      <c r="I11" s="127"/>
      <c r="J11" s="127"/>
      <c r="K11" s="127"/>
      <c r="L11" s="127"/>
      <c r="M11" s="127"/>
      <c r="N11" s="127"/>
      <c r="O11" s="127"/>
      <c r="P11" s="127"/>
      <c r="Q11" s="127"/>
      <c r="R11" s="127"/>
    </row>
    <row r="12" spans="1:18" s="5" customFormat="1" ht="20.149999999999999" customHeight="1" x14ac:dyDescent="0.2">
      <c r="A12" s="127" t="s">
        <v>337</v>
      </c>
      <c r="B12" s="127"/>
      <c r="C12" s="127"/>
      <c r="D12" s="127"/>
      <c r="E12" s="127"/>
      <c r="F12" s="127"/>
      <c r="G12" s="127"/>
      <c r="H12" s="603"/>
      <c r="I12" s="127"/>
      <c r="J12" s="127"/>
      <c r="K12" s="127"/>
      <c r="L12" s="127"/>
      <c r="M12" s="127"/>
      <c r="N12" s="127"/>
      <c r="O12" s="127"/>
      <c r="P12" s="127"/>
      <c r="Q12" s="127"/>
      <c r="R12" s="127"/>
    </row>
    <row r="13" spans="1:18" s="5" customFormat="1" ht="20.149999999999999" customHeight="1" x14ac:dyDescent="0.2">
      <c r="A13" s="215"/>
      <c r="B13" s="411" t="s">
        <v>338</v>
      </c>
      <c r="C13" s="302"/>
      <c r="D13" s="301"/>
      <c r="E13" s="412" t="s">
        <v>339</v>
      </c>
      <c r="F13" s="302"/>
      <c r="G13" s="302"/>
      <c r="H13" s="604" t="s">
        <v>340</v>
      </c>
      <c r="I13" s="605"/>
      <c r="J13" s="605"/>
      <c r="K13" s="606"/>
      <c r="L13" s="127"/>
      <c r="M13" s="127"/>
      <c r="N13" s="127"/>
      <c r="O13" s="127"/>
      <c r="P13" s="127"/>
      <c r="Q13" s="127"/>
      <c r="R13" s="127"/>
    </row>
    <row r="14" spans="1:18" s="5" customFormat="1" ht="20.149999999999999" customHeight="1" x14ac:dyDescent="0.2">
      <c r="A14" s="607" t="s">
        <v>341</v>
      </c>
      <c r="B14" s="608"/>
      <c r="C14" s="609"/>
      <c r="D14" s="610"/>
      <c r="E14" s="608"/>
      <c r="F14" s="609"/>
      <c r="G14" s="611"/>
      <c r="H14" s="608"/>
      <c r="I14" s="609"/>
      <c r="J14" s="609"/>
      <c r="K14" s="612"/>
      <c r="L14" s="127"/>
      <c r="M14" s="127"/>
      <c r="N14" s="127"/>
      <c r="O14" s="127"/>
      <c r="P14" s="127"/>
      <c r="Q14" s="127"/>
      <c r="R14" s="127"/>
    </row>
    <row r="15" spans="1:18" s="5" customFormat="1" ht="20.149999999999999" customHeight="1" x14ac:dyDescent="0.2">
      <c r="A15" s="613"/>
      <c r="B15" s="614"/>
      <c r="C15" s="615"/>
      <c r="D15" s="616" t="s">
        <v>342</v>
      </c>
      <c r="E15" s="614"/>
      <c r="F15" s="615"/>
      <c r="G15" s="617" t="s">
        <v>342</v>
      </c>
      <c r="H15" s="614"/>
      <c r="I15" s="615"/>
      <c r="J15" s="615"/>
      <c r="K15" s="618"/>
      <c r="L15" s="127"/>
      <c r="M15" s="127"/>
      <c r="N15" s="127"/>
      <c r="O15" s="127"/>
      <c r="P15" s="127"/>
      <c r="Q15" s="127"/>
      <c r="R15" s="127"/>
    </row>
    <row r="16" spans="1:18" ht="20.149999999999999" customHeight="1" x14ac:dyDescent="0.2">
      <c r="A16" s="619" t="s">
        <v>343</v>
      </c>
      <c r="B16" s="608"/>
      <c r="C16" s="609"/>
      <c r="D16" s="610"/>
      <c r="E16" s="608"/>
      <c r="F16" s="609"/>
      <c r="G16" s="620"/>
      <c r="H16" s="608"/>
      <c r="I16" s="609"/>
      <c r="J16" s="609"/>
      <c r="K16" s="612"/>
      <c r="L16" s="197"/>
      <c r="M16" s="197"/>
      <c r="N16" s="197"/>
      <c r="O16" s="197"/>
      <c r="P16" s="197"/>
      <c r="Q16" s="197"/>
      <c r="R16" s="197"/>
    </row>
    <row r="17" spans="1:18" ht="20.149999999999999" customHeight="1" x14ac:dyDescent="0.2">
      <c r="A17" s="621"/>
      <c r="B17" s="614"/>
      <c r="C17" s="615"/>
      <c r="D17" s="616" t="s">
        <v>344</v>
      </c>
      <c r="E17" s="614"/>
      <c r="F17" s="615"/>
      <c r="G17" s="616" t="s">
        <v>344</v>
      </c>
      <c r="H17" s="614"/>
      <c r="I17" s="615"/>
      <c r="J17" s="615"/>
      <c r="K17" s="618"/>
      <c r="L17" s="197"/>
      <c r="M17" s="197"/>
      <c r="N17" s="197"/>
      <c r="O17" s="197"/>
      <c r="P17" s="197"/>
      <c r="Q17" s="197"/>
      <c r="R17" s="197"/>
    </row>
    <row r="18" spans="1:18" ht="20.149999999999999" customHeight="1" x14ac:dyDescent="0.2"/>
    <row r="19" spans="1:18" ht="20.149999999999999" customHeight="1" x14ac:dyDescent="0.2"/>
    <row r="20" spans="1:18" ht="20.149999999999999" customHeight="1" x14ac:dyDescent="0.2"/>
    <row r="21" spans="1:18" ht="20.149999999999999" customHeight="1" x14ac:dyDescent="0.2"/>
    <row r="22" spans="1:18" ht="20.149999999999999" customHeight="1" x14ac:dyDescent="0.2"/>
    <row r="23" spans="1:18" ht="20.149999999999999" customHeight="1" x14ac:dyDescent="0.2"/>
    <row r="24" spans="1:18" ht="20.149999999999999" customHeight="1" x14ac:dyDescent="0.2"/>
    <row r="25" spans="1:18" ht="20.149999999999999" customHeight="1" x14ac:dyDescent="0.2"/>
    <row r="26" spans="1:18" ht="20.149999999999999" customHeight="1" x14ac:dyDescent="0.2"/>
    <row r="27" spans="1:18" ht="20.149999999999999" customHeight="1" x14ac:dyDescent="0.2"/>
    <row r="28" spans="1:18" ht="20.149999999999999" customHeight="1" x14ac:dyDescent="0.2"/>
  </sheetData>
  <mergeCells count="31">
    <mergeCell ref="A16:A17"/>
    <mergeCell ref="H16:K17"/>
    <mergeCell ref="B16:C17"/>
    <mergeCell ref="H13:K13"/>
    <mergeCell ref="E16:F17"/>
    <mergeCell ref="B14:C15"/>
    <mergeCell ref="E14:F15"/>
    <mergeCell ref="A10:D10"/>
    <mergeCell ref="A2:A3"/>
    <mergeCell ref="H14:K15"/>
    <mergeCell ref="B13:D13"/>
    <mergeCell ref="E13:G13"/>
    <mergeCell ref="A14:A15"/>
    <mergeCell ref="K10:R10"/>
    <mergeCell ref="H2:J2"/>
    <mergeCell ref="K7:R7"/>
    <mergeCell ref="K8:R8"/>
    <mergeCell ref="K9:R9"/>
    <mergeCell ref="K2:R2"/>
    <mergeCell ref="K3:R3"/>
    <mergeCell ref="K4:R4"/>
    <mergeCell ref="K5:R5"/>
    <mergeCell ref="K6:R6"/>
    <mergeCell ref="B5:D5"/>
    <mergeCell ref="B6:D6"/>
    <mergeCell ref="A7:D7"/>
    <mergeCell ref="A9:D9"/>
    <mergeCell ref="E2:G2"/>
    <mergeCell ref="B2:D3"/>
    <mergeCell ref="B4:D4"/>
    <mergeCell ref="A8:D8"/>
  </mergeCells>
  <phoneticPr fontId="6"/>
  <pageMargins left="0.55118110236220474" right="0.19685039370078741" top="0.59055118110236227" bottom="0.39370078740157483" header="0.74803149606299213" footer="0.51181102362204722"/>
  <pageSetup paperSize="9" scale="80" orientation="landscape" horizontalDpi="300"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84"/>
  <sheetViews>
    <sheetView view="pageBreakPreview" zoomScale="60" zoomScaleNormal="100" workbookViewId="0">
      <selection activeCell="V50" sqref="V50"/>
    </sheetView>
  </sheetViews>
  <sheetFormatPr defaultColWidth="9" defaultRowHeight="12" x14ac:dyDescent="0.2"/>
  <cols>
    <col min="1" max="1" width="3.58203125" style="623" customWidth="1"/>
    <col min="2" max="2" width="16.6640625" style="623" customWidth="1"/>
    <col min="3" max="3" width="14.6640625" style="623" customWidth="1"/>
    <col min="4" max="5" width="23.08203125" style="623" customWidth="1"/>
    <col min="6" max="16384" width="9" style="623"/>
  </cols>
  <sheetData>
    <row r="1" spans="1:5" s="622" customFormat="1" ht="16.5" customHeight="1" x14ac:dyDescent="0.2">
      <c r="A1" s="77" t="s">
        <v>225</v>
      </c>
    </row>
    <row r="2" spans="1:5" ht="20.25" customHeight="1" x14ac:dyDescent="0.2">
      <c r="B2" s="624" t="s">
        <v>236</v>
      </c>
      <c r="C2" s="624"/>
      <c r="D2" s="624"/>
      <c r="E2" s="624"/>
    </row>
    <row r="3" spans="1:5" ht="18" customHeight="1" x14ac:dyDescent="0.2">
      <c r="E3" s="625"/>
    </row>
    <row r="4" spans="1:5" ht="17.25" customHeight="1" x14ac:dyDescent="0.2">
      <c r="B4" s="626" t="s">
        <v>237</v>
      </c>
      <c r="C4" s="627"/>
      <c r="D4" s="628" t="s">
        <v>238</v>
      </c>
      <c r="E4" s="629" t="s">
        <v>239</v>
      </c>
    </row>
    <row r="5" spans="1:5" ht="17.25" customHeight="1" x14ac:dyDescent="0.2">
      <c r="B5" s="630"/>
      <c r="C5" s="631"/>
      <c r="D5" s="632"/>
      <c r="E5" s="633"/>
    </row>
    <row r="6" spans="1:5" ht="17.25" customHeight="1" x14ac:dyDescent="0.2">
      <c r="B6" s="630" t="s">
        <v>240</v>
      </c>
      <c r="C6" s="631"/>
      <c r="D6" s="632"/>
      <c r="E6" s="633"/>
    </row>
    <row r="7" spans="1:5" ht="17.25" customHeight="1" x14ac:dyDescent="0.2">
      <c r="B7" s="634" t="s">
        <v>241</v>
      </c>
      <c r="C7" s="635"/>
      <c r="D7" s="636" t="s">
        <v>242</v>
      </c>
      <c r="E7" s="637"/>
    </row>
    <row r="8" spans="1:5" ht="17.25" customHeight="1" x14ac:dyDescent="0.2">
      <c r="B8" s="638" t="s">
        <v>243</v>
      </c>
      <c r="C8" s="639" t="s">
        <v>244</v>
      </c>
      <c r="D8" s="640" t="s">
        <v>245</v>
      </c>
      <c r="E8" s="641" t="s">
        <v>246</v>
      </c>
    </row>
    <row r="9" spans="1:5" ht="17.25" customHeight="1" x14ac:dyDescent="0.2">
      <c r="B9" s="638"/>
      <c r="C9" s="639"/>
      <c r="D9" s="642"/>
      <c r="E9" s="633"/>
    </row>
    <row r="10" spans="1:5" ht="17.25" customHeight="1" x14ac:dyDescent="0.2">
      <c r="B10" s="643"/>
      <c r="C10" s="644"/>
      <c r="D10" s="645"/>
      <c r="E10" s="637"/>
    </row>
    <row r="11" spans="1:5" ht="17.25" customHeight="1" x14ac:dyDescent="0.2">
      <c r="B11" s="646" t="s">
        <v>247</v>
      </c>
      <c r="C11" s="647"/>
      <c r="D11" s="648"/>
      <c r="E11" s="649"/>
    </row>
    <row r="12" spans="1:5" ht="17.25" customHeight="1" x14ac:dyDescent="0.2">
      <c r="B12" s="650"/>
      <c r="C12" s="651"/>
      <c r="D12" s="652"/>
      <c r="E12" s="653"/>
    </row>
    <row r="13" spans="1:5" ht="17.25" customHeight="1" x14ac:dyDescent="0.2">
      <c r="B13" s="650"/>
      <c r="C13" s="651"/>
      <c r="D13" s="652"/>
      <c r="E13" s="653"/>
    </row>
    <row r="14" spans="1:5" ht="17.25" customHeight="1" x14ac:dyDescent="0.2">
      <c r="B14" s="650" t="s">
        <v>248</v>
      </c>
      <c r="C14" s="651"/>
      <c r="D14" s="652"/>
      <c r="E14" s="653"/>
    </row>
    <row r="15" spans="1:5" ht="17.25" customHeight="1" x14ac:dyDescent="0.2">
      <c r="B15" s="650"/>
      <c r="C15" s="651"/>
      <c r="D15" s="652"/>
      <c r="E15" s="653"/>
    </row>
    <row r="16" spans="1:5" ht="17.25" customHeight="1" x14ac:dyDescent="0.2">
      <c r="B16" s="650"/>
      <c r="C16" s="651"/>
      <c r="D16" s="652"/>
      <c r="E16" s="653"/>
    </row>
    <row r="17" spans="2:5" ht="17.25" customHeight="1" x14ac:dyDescent="0.2">
      <c r="B17" s="650" t="s">
        <v>249</v>
      </c>
      <c r="C17" s="651"/>
      <c r="D17" s="652"/>
      <c r="E17" s="653"/>
    </row>
    <row r="18" spans="2:5" ht="17.25" customHeight="1" x14ac:dyDescent="0.2">
      <c r="B18" s="650"/>
      <c r="C18" s="651"/>
      <c r="D18" s="652"/>
      <c r="E18" s="653"/>
    </row>
    <row r="19" spans="2:5" ht="17.25" customHeight="1" x14ac:dyDescent="0.2">
      <c r="B19" s="650"/>
      <c r="C19" s="651"/>
      <c r="D19" s="652"/>
      <c r="E19" s="653"/>
    </row>
    <row r="20" spans="2:5" ht="17.5" customHeight="1" x14ac:dyDescent="0.2">
      <c r="B20" s="654"/>
      <c r="C20" s="655"/>
      <c r="D20" s="655"/>
      <c r="E20" s="649"/>
    </row>
    <row r="21" spans="2:5" ht="17.5" customHeight="1" x14ac:dyDescent="0.2">
      <c r="B21" s="650" t="s">
        <v>250</v>
      </c>
      <c r="C21" s="656"/>
      <c r="D21" s="656"/>
      <c r="E21" s="653"/>
    </row>
    <row r="22" spans="2:5" ht="17.5" customHeight="1" x14ac:dyDescent="0.2">
      <c r="B22" s="657"/>
      <c r="C22" s="658"/>
      <c r="D22" s="656"/>
      <c r="E22" s="653"/>
    </row>
    <row r="23" spans="2:5" ht="17.5" customHeight="1" x14ac:dyDescent="0.2">
      <c r="B23" s="657" t="s">
        <v>251</v>
      </c>
      <c r="C23" s="656"/>
      <c r="D23" s="656"/>
      <c r="E23" s="653"/>
    </row>
    <row r="24" spans="2:5" ht="19.5" customHeight="1" x14ac:dyDescent="0.2">
      <c r="B24" s="659" t="s">
        <v>252</v>
      </c>
      <c r="C24" s="660"/>
      <c r="D24" s="660"/>
      <c r="E24" s="661"/>
    </row>
    <row r="25" spans="2:5" ht="19.5" customHeight="1" x14ac:dyDescent="0.2">
      <c r="B25" s="659" t="s">
        <v>253</v>
      </c>
      <c r="C25" s="660"/>
      <c r="D25" s="660"/>
      <c r="E25" s="661"/>
    </row>
    <row r="26" spans="2:5" ht="19.5" customHeight="1" x14ac:dyDescent="0.2">
      <c r="B26" s="659" t="s">
        <v>254</v>
      </c>
      <c r="C26" s="660"/>
      <c r="D26" s="660"/>
      <c r="E26" s="661"/>
    </row>
    <row r="27" spans="2:5" ht="19.5" customHeight="1" x14ac:dyDescent="0.2">
      <c r="B27" s="659" t="s">
        <v>255</v>
      </c>
      <c r="C27" s="660"/>
      <c r="D27" s="660"/>
      <c r="E27" s="661"/>
    </row>
    <row r="28" spans="2:5" ht="19.5" customHeight="1" x14ac:dyDescent="0.2">
      <c r="B28" s="659" t="s">
        <v>256</v>
      </c>
      <c r="C28" s="660"/>
      <c r="D28" s="660"/>
      <c r="E28" s="661"/>
    </row>
    <row r="29" spans="2:5" ht="19.5" customHeight="1" x14ac:dyDescent="0.2">
      <c r="B29" s="659" t="s">
        <v>257</v>
      </c>
      <c r="C29" s="660"/>
      <c r="D29" s="660"/>
      <c r="E29" s="661"/>
    </row>
    <row r="30" spans="2:5" ht="19.5" customHeight="1" x14ac:dyDescent="0.2">
      <c r="B30" s="659" t="s">
        <v>258</v>
      </c>
      <c r="C30" s="660"/>
      <c r="D30" s="660"/>
      <c r="E30" s="661"/>
    </row>
    <row r="31" spans="2:5" ht="19.5" customHeight="1" x14ac:dyDescent="0.2">
      <c r="B31" s="659" t="s">
        <v>259</v>
      </c>
      <c r="C31" s="660"/>
      <c r="D31" s="660"/>
      <c r="E31" s="661"/>
    </row>
    <row r="32" spans="2:5" ht="19.5" customHeight="1" x14ac:dyDescent="0.2">
      <c r="B32" s="659" t="s">
        <v>260</v>
      </c>
      <c r="C32" s="660"/>
      <c r="D32" s="660"/>
      <c r="E32" s="661"/>
    </row>
    <row r="33" spans="2:5" ht="19.5" customHeight="1" x14ac:dyDescent="0.2">
      <c r="B33" s="659" t="s">
        <v>261</v>
      </c>
      <c r="C33" s="660"/>
      <c r="D33" s="660"/>
      <c r="E33" s="661"/>
    </row>
    <row r="34" spans="2:5" ht="19.5" customHeight="1" x14ac:dyDescent="0.2">
      <c r="B34" s="659" t="s">
        <v>262</v>
      </c>
      <c r="C34" s="660"/>
      <c r="D34" s="660"/>
      <c r="E34" s="661"/>
    </row>
    <row r="35" spans="2:5" ht="19.5" customHeight="1" x14ac:dyDescent="0.2">
      <c r="B35" s="659" t="s">
        <v>263</v>
      </c>
      <c r="C35" s="660"/>
      <c r="D35" s="660"/>
      <c r="E35" s="661"/>
    </row>
    <row r="36" spans="2:5" ht="19.5" customHeight="1" x14ac:dyDescent="0.2">
      <c r="B36" s="659" t="s">
        <v>264</v>
      </c>
      <c r="C36" s="660"/>
      <c r="D36" s="660"/>
      <c r="E36" s="661"/>
    </row>
    <row r="37" spans="2:5" ht="19.5" customHeight="1" x14ac:dyDescent="0.2">
      <c r="B37" s="659" t="s">
        <v>265</v>
      </c>
      <c r="C37" s="660"/>
      <c r="D37" s="660"/>
      <c r="E37" s="661"/>
    </row>
    <row r="38" spans="2:5" ht="19.5" customHeight="1" x14ac:dyDescent="0.2">
      <c r="B38" s="662" t="s">
        <v>266</v>
      </c>
      <c r="C38" s="663"/>
      <c r="D38" s="663"/>
      <c r="E38" s="664"/>
    </row>
    <row r="39" spans="2:5" ht="17.5" customHeight="1" x14ac:dyDescent="0.2">
      <c r="B39" s="665" t="s">
        <v>267</v>
      </c>
      <c r="C39" s="649"/>
      <c r="D39" s="666" t="s">
        <v>268</v>
      </c>
      <c r="E39" s="649"/>
    </row>
    <row r="40" spans="2:5" ht="17.5" customHeight="1" x14ac:dyDescent="0.2">
      <c r="B40" s="657"/>
      <c r="C40" s="667"/>
      <c r="D40" s="668" t="s">
        <v>269</v>
      </c>
      <c r="E40" s="653"/>
    </row>
    <row r="41" spans="2:5" ht="17.5" customHeight="1" x14ac:dyDescent="0.2">
      <c r="B41" s="657"/>
      <c r="C41" s="669"/>
      <c r="D41" s="670"/>
      <c r="E41" s="653"/>
    </row>
    <row r="42" spans="2:5" ht="17.5" customHeight="1" x14ac:dyDescent="0.2">
      <c r="B42" s="671"/>
      <c r="C42" s="672"/>
      <c r="D42" s="673"/>
      <c r="E42" s="674"/>
    </row>
    <row r="43" spans="2:5" ht="17.5" customHeight="1" x14ac:dyDescent="0.2">
      <c r="B43" s="670"/>
      <c r="C43" s="656"/>
      <c r="D43" s="656"/>
      <c r="E43" s="670"/>
    </row>
    <row r="44" spans="2:5" ht="17.5" customHeight="1" x14ac:dyDescent="0.2">
      <c r="B44" s="670"/>
      <c r="C44" s="656"/>
      <c r="D44" s="656"/>
      <c r="E44" s="670"/>
    </row>
    <row r="45" spans="2:5" ht="17.5" customHeight="1" x14ac:dyDescent="0.2">
      <c r="B45" s="670"/>
      <c r="C45" s="658"/>
      <c r="D45" s="656"/>
      <c r="E45" s="670"/>
    </row>
    <row r="46" spans="2:5" ht="17.5" customHeight="1" x14ac:dyDescent="0.2">
      <c r="B46" s="675"/>
      <c r="C46" s="656"/>
      <c r="D46" s="656"/>
      <c r="E46" s="670"/>
    </row>
    <row r="47" spans="2:5" ht="17.5" customHeight="1" x14ac:dyDescent="0.2">
      <c r="B47" s="675"/>
      <c r="C47" s="656"/>
      <c r="D47" s="656"/>
      <c r="E47" s="670"/>
    </row>
    <row r="48" spans="2:5" ht="17.5" customHeight="1" x14ac:dyDescent="0.2">
      <c r="B48" s="675"/>
      <c r="C48" s="658"/>
      <c r="D48" s="656"/>
      <c r="E48" s="670"/>
    </row>
    <row r="49" spans="2:5" ht="17.5" customHeight="1" x14ac:dyDescent="0.2">
      <c r="B49" s="675"/>
      <c r="C49" s="656"/>
      <c r="D49" s="656"/>
      <c r="E49" s="670"/>
    </row>
    <row r="50" spans="2:5" ht="17.5" customHeight="1" x14ac:dyDescent="0.2">
      <c r="B50" s="675"/>
      <c r="C50" s="656"/>
      <c r="D50" s="656"/>
      <c r="E50" s="670"/>
    </row>
    <row r="51" spans="2:5" ht="17.5" customHeight="1" x14ac:dyDescent="0.2">
      <c r="B51" s="675"/>
      <c r="C51" s="658"/>
      <c r="D51" s="656"/>
      <c r="E51" s="670"/>
    </row>
    <row r="52" spans="2:5" ht="17.5" customHeight="1" x14ac:dyDescent="0.2">
      <c r="B52" s="675"/>
      <c r="C52" s="656"/>
      <c r="D52" s="656"/>
      <c r="E52" s="670"/>
    </row>
    <row r="53" spans="2:5" ht="17.5" customHeight="1" x14ac:dyDescent="0.2">
      <c r="B53" s="670"/>
      <c r="C53" s="656"/>
      <c r="D53" s="656"/>
      <c r="E53" s="670"/>
    </row>
    <row r="54" spans="2:5" ht="17.5" customHeight="1" x14ac:dyDescent="0.2">
      <c r="B54" s="670"/>
      <c r="C54" s="658"/>
      <c r="D54" s="656"/>
      <c r="E54" s="670"/>
    </row>
    <row r="55" spans="2:5" ht="17.5" customHeight="1" x14ac:dyDescent="0.2">
      <c r="B55" s="676"/>
      <c r="C55" s="670"/>
      <c r="D55" s="670"/>
      <c r="E55" s="670"/>
    </row>
    <row r="56" spans="2:5" ht="17.5" customHeight="1" x14ac:dyDescent="0.2">
      <c r="B56" s="677"/>
      <c r="C56" s="678"/>
      <c r="D56" s="678"/>
      <c r="E56" s="670"/>
    </row>
    <row r="57" spans="2:5" ht="17.5" customHeight="1" x14ac:dyDescent="0.2">
      <c r="B57" s="670"/>
      <c r="C57" s="678"/>
      <c r="D57" s="678"/>
      <c r="E57" s="670"/>
    </row>
    <row r="58" spans="2:5" ht="17.25" customHeight="1" x14ac:dyDescent="0.2">
      <c r="B58" s="670"/>
      <c r="C58" s="678"/>
      <c r="D58" s="678"/>
      <c r="E58" s="670"/>
    </row>
    <row r="59" spans="2:5" ht="17.5" customHeight="1" x14ac:dyDescent="0.2">
      <c r="B59" s="668"/>
      <c r="C59" s="678"/>
      <c r="D59" s="678"/>
      <c r="E59" s="670"/>
    </row>
    <row r="60" spans="2:5" ht="17.5" customHeight="1" x14ac:dyDescent="0.2">
      <c r="B60" s="670"/>
      <c r="C60" s="678"/>
      <c r="D60" s="678"/>
      <c r="E60" s="670"/>
    </row>
    <row r="61" spans="2:5" ht="17.5" customHeight="1" x14ac:dyDescent="0.2">
      <c r="B61" s="668"/>
      <c r="C61" s="678"/>
      <c r="D61" s="678"/>
      <c r="E61" s="670"/>
    </row>
    <row r="62" spans="2:5" ht="17.5" customHeight="1" x14ac:dyDescent="0.2">
      <c r="B62" s="670"/>
      <c r="C62" s="678"/>
      <c r="D62" s="678"/>
      <c r="E62" s="670"/>
    </row>
    <row r="63" spans="2:5" ht="17.5" customHeight="1" x14ac:dyDescent="0.2">
      <c r="B63" s="670"/>
      <c r="C63" s="678"/>
      <c r="D63" s="678"/>
      <c r="E63" s="670"/>
    </row>
    <row r="64" spans="2:5" ht="17.5" customHeight="1" x14ac:dyDescent="0.2">
      <c r="C64" s="679"/>
      <c r="D64" s="679"/>
    </row>
    <row r="65" spans="3:4" ht="17.5" customHeight="1" x14ac:dyDescent="0.2">
      <c r="C65" s="679"/>
      <c r="D65" s="679"/>
    </row>
    <row r="66" spans="3:4" ht="17.5" customHeight="1" x14ac:dyDescent="0.2">
      <c r="C66" s="679"/>
      <c r="D66" s="679"/>
    </row>
    <row r="67" spans="3:4" ht="17.5" customHeight="1" x14ac:dyDescent="0.2"/>
    <row r="68" spans="3:4" ht="17.5" customHeight="1" x14ac:dyDescent="0.2"/>
    <row r="69" spans="3:4" ht="17.5" customHeight="1" x14ac:dyDescent="0.2"/>
    <row r="70" spans="3:4" ht="17.5" customHeight="1" x14ac:dyDescent="0.2"/>
    <row r="71" spans="3:4" ht="17.5" customHeight="1" x14ac:dyDescent="0.2"/>
    <row r="72" spans="3:4" ht="17.5" customHeight="1" x14ac:dyDescent="0.2"/>
    <row r="73" spans="3:4" ht="17.5" customHeight="1" x14ac:dyDescent="0.2"/>
    <row r="74" spans="3:4" ht="17.5" customHeight="1" x14ac:dyDescent="0.2"/>
    <row r="75" spans="3:4" ht="17.5" customHeight="1" x14ac:dyDescent="0.2"/>
    <row r="76" spans="3:4" ht="15" customHeight="1" x14ac:dyDescent="0.2"/>
    <row r="77" spans="3:4" ht="15" customHeight="1" x14ac:dyDescent="0.2"/>
    <row r="78" spans="3:4" ht="15" customHeight="1" x14ac:dyDescent="0.2"/>
    <row r="79" spans="3:4" ht="15" customHeight="1" x14ac:dyDescent="0.2"/>
    <row r="80" spans="3:4" ht="15" customHeight="1" x14ac:dyDescent="0.2"/>
    <row r="81" ht="15" customHeight="1" x14ac:dyDescent="0.2"/>
    <row r="82" ht="15" customHeight="1" x14ac:dyDescent="0.2"/>
    <row r="83" ht="15" customHeight="1" x14ac:dyDescent="0.2"/>
    <row r="84" ht="15" customHeight="1" x14ac:dyDescent="0.2"/>
  </sheetData>
  <mergeCells count="27">
    <mergeCell ref="B24:E24"/>
    <mergeCell ref="B2:E2"/>
    <mergeCell ref="B4:C4"/>
    <mergeCell ref="B5:C5"/>
    <mergeCell ref="B6:C6"/>
    <mergeCell ref="B7:C7"/>
    <mergeCell ref="B36:E36"/>
    <mergeCell ref="B25:E25"/>
    <mergeCell ref="B26:E26"/>
    <mergeCell ref="B27:E27"/>
    <mergeCell ref="B28:E28"/>
    <mergeCell ref="B29:E29"/>
    <mergeCell ref="B30:E30"/>
    <mergeCell ref="B31:E31"/>
    <mergeCell ref="B32:E32"/>
    <mergeCell ref="B33:E33"/>
    <mergeCell ref="B34:E34"/>
    <mergeCell ref="B35:E35"/>
    <mergeCell ref="C64:D64"/>
    <mergeCell ref="C65:D65"/>
    <mergeCell ref="C66:D66"/>
    <mergeCell ref="B37:E37"/>
    <mergeCell ref="B38:E38"/>
    <mergeCell ref="B46:B52"/>
    <mergeCell ref="C56:D58"/>
    <mergeCell ref="C59:D60"/>
    <mergeCell ref="C61:D63"/>
  </mergeCells>
  <phoneticPr fontId="1"/>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29"/>
  <sheetViews>
    <sheetView view="pageBreakPreview" zoomScale="60" zoomScaleNormal="100" workbookViewId="0">
      <selection activeCell="Y17" sqref="Y17"/>
    </sheetView>
  </sheetViews>
  <sheetFormatPr defaultColWidth="9" defaultRowHeight="14" x14ac:dyDescent="0.2"/>
  <cols>
    <col min="1" max="1" width="8.83203125" style="69" customWidth="1"/>
    <col min="2" max="16" width="7.58203125" style="54" customWidth="1"/>
    <col min="17" max="16384" width="9" style="54"/>
  </cols>
  <sheetData>
    <row r="1" spans="1:11" s="77" customFormat="1" ht="16.5" customHeight="1" x14ac:dyDescent="0.2">
      <c r="A1" s="77" t="s">
        <v>226</v>
      </c>
    </row>
    <row r="2" spans="1:11" ht="22.5" customHeight="1" x14ac:dyDescent="0.2">
      <c r="A2" s="449" t="s">
        <v>83</v>
      </c>
      <c r="B2" s="449"/>
      <c r="C2" s="450"/>
      <c r="D2" s="450"/>
      <c r="E2" s="450"/>
      <c r="F2" s="450"/>
      <c r="G2" s="450"/>
      <c r="H2" s="450"/>
      <c r="I2" s="450"/>
      <c r="J2" s="450"/>
      <c r="K2" s="450"/>
    </row>
    <row r="3" spans="1:11" ht="20.149999999999999" customHeight="1" x14ac:dyDescent="0.2">
      <c r="I3" s="451" t="s">
        <v>84</v>
      </c>
      <c r="J3" s="451"/>
      <c r="K3" s="451"/>
    </row>
    <row r="4" spans="1:11" ht="30" customHeight="1" x14ac:dyDescent="0.2">
      <c r="A4" s="70"/>
      <c r="B4" s="452" t="s">
        <v>85</v>
      </c>
      <c r="C4" s="452"/>
      <c r="D4" s="453" t="s">
        <v>86</v>
      </c>
      <c r="E4" s="454"/>
      <c r="F4" s="452" t="s">
        <v>87</v>
      </c>
      <c r="G4" s="452"/>
      <c r="H4" s="453" t="s">
        <v>88</v>
      </c>
      <c r="I4" s="454"/>
      <c r="J4" s="452" t="s">
        <v>89</v>
      </c>
      <c r="K4" s="452"/>
    </row>
    <row r="5" spans="1:11" s="8" customFormat="1" ht="30" customHeight="1" thickBot="1" x14ac:dyDescent="0.25">
      <c r="A5" s="71"/>
      <c r="B5" s="56" t="s">
        <v>90</v>
      </c>
      <c r="C5" s="56" t="s">
        <v>91</v>
      </c>
      <c r="D5" s="57" t="s">
        <v>90</v>
      </c>
      <c r="E5" s="58" t="s">
        <v>91</v>
      </c>
      <c r="F5" s="56" t="s">
        <v>90</v>
      </c>
      <c r="G5" s="56" t="s">
        <v>91</v>
      </c>
      <c r="H5" s="57" t="s">
        <v>90</v>
      </c>
      <c r="I5" s="58" t="s">
        <v>91</v>
      </c>
      <c r="J5" s="56" t="s">
        <v>90</v>
      </c>
      <c r="K5" s="56" t="s">
        <v>91</v>
      </c>
    </row>
    <row r="6" spans="1:11" s="8" customFormat="1" ht="38.15" customHeight="1" thickTop="1" x14ac:dyDescent="0.2">
      <c r="A6" s="447" t="s">
        <v>92</v>
      </c>
      <c r="B6" s="72" t="s">
        <v>97</v>
      </c>
      <c r="C6" s="60"/>
      <c r="D6" s="60"/>
      <c r="E6" s="60"/>
      <c r="F6" s="60"/>
      <c r="G6" s="60"/>
      <c r="H6" s="60"/>
      <c r="I6" s="60"/>
      <c r="J6" s="60"/>
      <c r="K6" s="61"/>
    </row>
    <row r="7" spans="1:11" s="8" customFormat="1" ht="38.15" customHeight="1" x14ac:dyDescent="0.2">
      <c r="A7" s="447"/>
      <c r="B7" s="59"/>
      <c r="C7" s="62"/>
      <c r="D7" s="62"/>
      <c r="E7" s="62"/>
      <c r="F7" s="62"/>
      <c r="G7" s="62"/>
      <c r="H7" s="62"/>
      <c r="I7" s="62"/>
      <c r="J7" s="62"/>
      <c r="K7" s="61"/>
    </row>
    <row r="8" spans="1:11" s="8" customFormat="1" ht="30" customHeight="1" x14ac:dyDescent="0.2">
      <c r="A8" s="445" t="s">
        <v>100</v>
      </c>
      <c r="B8" s="73" t="s">
        <v>98</v>
      </c>
      <c r="C8" s="74"/>
      <c r="D8" s="74"/>
      <c r="E8" s="74"/>
      <c r="F8" s="74"/>
      <c r="G8" s="74"/>
      <c r="H8" s="74"/>
      <c r="I8" s="74"/>
      <c r="J8" s="74"/>
      <c r="K8" s="75"/>
    </row>
    <row r="9" spans="1:11" s="8" customFormat="1" ht="30" customHeight="1" x14ac:dyDescent="0.2">
      <c r="A9" s="446"/>
      <c r="B9" s="72" t="s">
        <v>99</v>
      </c>
      <c r="C9" s="62"/>
      <c r="D9" s="62"/>
      <c r="E9" s="62"/>
      <c r="F9" s="62"/>
      <c r="G9" s="62"/>
      <c r="H9" s="62"/>
      <c r="I9" s="62"/>
      <c r="J9" s="62"/>
      <c r="K9" s="61"/>
    </row>
    <row r="10" spans="1:11" s="8" customFormat="1" ht="38.15" customHeight="1" x14ac:dyDescent="0.2">
      <c r="A10" s="448" t="s">
        <v>93</v>
      </c>
      <c r="B10" s="63"/>
      <c r="C10" s="64"/>
      <c r="D10" s="64"/>
      <c r="E10" s="64"/>
      <c r="F10" s="64"/>
      <c r="G10" s="64"/>
      <c r="H10" s="64"/>
      <c r="I10" s="64"/>
      <c r="J10" s="64"/>
      <c r="K10" s="65"/>
    </row>
    <row r="11" spans="1:11" s="8" customFormat="1" ht="38.15" customHeight="1" x14ac:dyDescent="0.2">
      <c r="A11" s="447"/>
      <c r="B11" s="59"/>
      <c r="C11" s="62"/>
      <c r="D11" s="62"/>
      <c r="E11" s="62"/>
      <c r="F11" s="62"/>
      <c r="G11" s="62"/>
      <c r="H11" s="62"/>
      <c r="I11" s="62"/>
      <c r="J11" s="62"/>
      <c r="K11" s="61"/>
    </row>
    <row r="12" spans="1:11" s="8" customFormat="1" ht="30" customHeight="1" x14ac:dyDescent="0.2">
      <c r="A12" s="445" t="s">
        <v>100</v>
      </c>
      <c r="B12" s="76"/>
      <c r="C12" s="74"/>
      <c r="D12" s="74"/>
      <c r="E12" s="74"/>
      <c r="F12" s="74"/>
      <c r="G12" s="74"/>
      <c r="H12" s="74"/>
      <c r="I12" s="74"/>
      <c r="J12" s="74"/>
      <c r="K12" s="75"/>
    </row>
    <row r="13" spans="1:11" s="8" customFormat="1" ht="30" customHeight="1" x14ac:dyDescent="0.2">
      <c r="A13" s="446"/>
      <c r="B13" s="66"/>
      <c r="C13" s="67"/>
      <c r="D13" s="67"/>
      <c r="E13" s="67"/>
      <c r="F13" s="67"/>
      <c r="G13" s="67"/>
      <c r="H13" s="67"/>
      <c r="I13" s="67"/>
      <c r="J13" s="67"/>
      <c r="K13" s="68"/>
    </row>
    <row r="14" spans="1:11" s="8" customFormat="1" ht="38.15" customHeight="1" x14ac:dyDescent="0.2">
      <c r="A14" s="447" t="s">
        <v>94</v>
      </c>
      <c r="B14" s="59"/>
      <c r="C14" s="62"/>
      <c r="D14" s="62"/>
      <c r="E14" s="62"/>
      <c r="F14" s="62"/>
      <c r="G14" s="62"/>
      <c r="H14" s="62"/>
      <c r="I14" s="62"/>
      <c r="J14" s="62"/>
      <c r="K14" s="61"/>
    </row>
    <row r="15" spans="1:11" s="8" customFormat="1" ht="38.15" customHeight="1" x14ac:dyDescent="0.2">
      <c r="A15" s="447"/>
      <c r="B15" s="59"/>
      <c r="C15" s="62"/>
      <c r="D15" s="62"/>
      <c r="E15" s="62"/>
      <c r="F15" s="62"/>
      <c r="G15" s="62"/>
      <c r="H15" s="62"/>
      <c r="I15" s="62"/>
      <c r="J15" s="62"/>
      <c r="K15" s="61"/>
    </row>
    <row r="16" spans="1:11" s="8" customFormat="1" ht="30" customHeight="1" x14ac:dyDescent="0.2">
      <c r="A16" s="445" t="s">
        <v>100</v>
      </c>
      <c r="B16" s="76"/>
      <c r="C16" s="74"/>
      <c r="D16" s="74"/>
      <c r="E16" s="74"/>
      <c r="F16" s="74"/>
      <c r="G16" s="74"/>
      <c r="H16" s="74"/>
      <c r="I16" s="74"/>
      <c r="J16" s="74"/>
      <c r="K16" s="75"/>
    </row>
    <row r="17" spans="1:11" s="8" customFormat="1" ht="30" customHeight="1" x14ac:dyDescent="0.2">
      <c r="A17" s="446"/>
      <c r="B17" s="59"/>
      <c r="C17" s="62"/>
      <c r="D17" s="62"/>
      <c r="E17" s="62"/>
      <c r="F17" s="62"/>
      <c r="G17" s="62"/>
      <c r="H17" s="62"/>
      <c r="I17" s="62"/>
      <c r="J17" s="62"/>
      <c r="K17" s="61"/>
    </row>
    <row r="18" spans="1:11" s="8" customFormat="1" ht="38.15" customHeight="1" x14ac:dyDescent="0.2">
      <c r="A18" s="448" t="s">
        <v>95</v>
      </c>
      <c r="B18" s="63"/>
      <c r="C18" s="64"/>
      <c r="D18" s="64"/>
      <c r="E18" s="64"/>
      <c r="F18" s="64"/>
      <c r="G18" s="64"/>
      <c r="H18" s="64"/>
      <c r="I18" s="64"/>
      <c r="J18" s="64"/>
      <c r="K18" s="65"/>
    </row>
    <row r="19" spans="1:11" s="8" customFormat="1" ht="38.15" customHeight="1" x14ac:dyDescent="0.2">
      <c r="A19" s="447"/>
      <c r="B19" s="59"/>
      <c r="C19" s="62"/>
      <c r="D19" s="62"/>
      <c r="E19" s="62"/>
      <c r="F19" s="62"/>
      <c r="G19" s="62"/>
      <c r="H19" s="62"/>
      <c r="I19" s="62"/>
      <c r="J19" s="62"/>
      <c r="K19" s="61"/>
    </row>
    <row r="20" spans="1:11" s="8" customFormat="1" ht="30" customHeight="1" x14ac:dyDescent="0.2">
      <c r="A20" s="445" t="s">
        <v>100</v>
      </c>
      <c r="B20" s="76"/>
      <c r="C20" s="74"/>
      <c r="D20" s="74"/>
      <c r="E20" s="74"/>
      <c r="F20" s="74"/>
      <c r="G20" s="74"/>
      <c r="H20" s="74"/>
      <c r="I20" s="74"/>
      <c r="J20" s="74"/>
      <c r="K20" s="75"/>
    </row>
    <row r="21" spans="1:11" s="8" customFormat="1" ht="30" customHeight="1" x14ac:dyDescent="0.2">
      <c r="A21" s="446"/>
      <c r="B21" s="66"/>
      <c r="C21" s="67"/>
      <c r="D21" s="67"/>
      <c r="E21" s="67"/>
      <c r="F21" s="67"/>
      <c r="G21" s="67"/>
      <c r="H21" s="67"/>
      <c r="I21" s="67"/>
      <c r="J21" s="67"/>
      <c r="K21" s="68"/>
    </row>
    <row r="22" spans="1:11" s="8" customFormat="1" ht="36" customHeight="1" x14ac:dyDescent="0.2">
      <c r="A22" s="447" t="s">
        <v>96</v>
      </c>
      <c r="B22" s="59"/>
      <c r="C22" s="62"/>
      <c r="D22" s="62"/>
      <c r="E22" s="62"/>
      <c r="F22" s="62"/>
      <c r="G22" s="62"/>
      <c r="H22" s="62"/>
      <c r="I22" s="62"/>
      <c r="J22" s="62"/>
      <c r="K22" s="61"/>
    </row>
    <row r="23" spans="1:11" s="8" customFormat="1" ht="36" customHeight="1" x14ac:dyDescent="0.2">
      <c r="A23" s="447"/>
      <c r="B23" s="59"/>
      <c r="C23" s="62"/>
      <c r="D23" s="62"/>
      <c r="E23" s="62"/>
      <c r="F23" s="62"/>
      <c r="G23" s="62"/>
      <c r="H23" s="62"/>
      <c r="I23" s="62"/>
      <c r="J23" s="62"/>
      <c r="K23" s="61"/>
    </row>
    <row r="24" spans="1:11" s="8" customFormat="1" ht="30" customHeight="1" x14ac:dyDescent="0.2">
      <c r="A24" s="445" t="s">
        <v>100</v>
      </c>
      <c r="B24" s="76"/>
      <c r="C24" s="74"/>
      <c r="D24" s="74"/>
      <c r="E24" s="74"/>
      <c r="F24" s="74"/>
      <c r="G24" s="74"/>
      <c r="H24" s="74"/>
      <c r="I24" s="74"/>
      <c r="J24" s="74"/>
      <c r="K24" s="75"/>
    </row>
    <row r="25" spans="1:11" s="8" customFormat="1" ht="30" customHeight="1" x14ac:dyDescent="0.2">
      <c r="A25" s="446"/>
      <c r="B25" s="66"/>
      <c r="C25" s="67"/>
      <c r="D25" s="67"/>
      <c r="E25" s="67"/>
      <c r="F25" s="67"/>
      <c r="G25" s="67"/>
      <c r="H25" s="67"/>
      <c r="I25" s="67"/>
      <c r="J25" s="67"/>
      <c r="K25" s="68"/>
    </row>
    <row r="26" spans="1:11" s="8" customFormat="1" ht="30" customHeight="1" x14ac:dyDescent="0.2">
      <c r="A26" s="55"/>
    </row>
    <row r="27" spans="1:11" s="8" customFormat="1" ht="30" customHeight="1" x14ac:dyDescent="0.2">
      <c r="A27" s="55"/>
    </row>
    <row r="28" spans="1:11" s="8" customFormat="1" ht="30" customHeight="1" x14ac:dyDescent="0.2">
      <c r="A28" s="55"/>
    </row>
    <row r="29" spans="1:11" s="8" customFormat="1" ht="30" customHeight="1" x14ac:dyDescent="0.2">
      <c r="A29" s="55"/>
    </row>
    <row r="30" spans="1:11" s="8" customFormat="1" ht="30" customHeight="1" x14ac:dyDescent="0.2">
      <c r="A30" s="55"/>
    </row>
    <row r="31" spans="1:11" s="8" customFormat="1" ht="30" customHeight="1" x14ac:dyDescent="0.2">
      <c r="A31" s="55"/>
    </row>
    <row r="32" spans="1:11" s="8" customFormat="1" ht="30" customHeight="1" x14ac:dyDescent="0.2">
      <c r="A32" s="55"/>
    </row>
    <row r="33" spans="1:1" s="8" customFormat="1" ht="30" customHeight="1" x14ac:dyDescent="0.2">
      <c r="A33" s="55"/>
    </row>
    <row r="34" spans="1:1" s="8" customFormat="1" ht="30" customHeight="1" x14ac:dyDescent="0.2">
      <c r="A34" s="55"/>
    </row>
    <row r="35" spans="1:1" s="8" customFormat="1" ht="30" customHeight="1" x14ac:dyDescent="0.2">
      <c r="A35" s="55"/>
    </row>
    <row r="36" spans="1:1" s="8" customFormat="1" ht="30" customHeight="1" x14ac:dyDescent="0.2">
      <c r="A36" s="55"/>
    </row>
    <row r="37" spans="1:1" s="8" customFormat="1" ht="30" customHeight="1" x14ac:dyDescent="0.2">
      <c r="A37" s="55"/>
    </row>
    <row r="38" spans="1:1" s="8" customFormat="1" ht="30" customHeight="1" x14ac:dyDescent="0.2">
      <c r="A38" s="55"/>
    </row>
    <row r="39" spans="1:1" s="8" customFormat="1" ht="30" customHeight="1" x14ac:dyDescent="0.2">
      <c r="A39" s="55"/>
    </row>
    <row r="40" spans="1:1" ht="30" customHeight="1" x14ac:dyDescent="0.2"/>
    <row r="41" spans="1:1" ht="30" customHeight="1" x14ac:dyDescent="0.2"/>
    <row r="42" spans="1:1" ht="30" customHeight="1" x14ac:dyDescent="0.2"/>
    <row r="43" spans="1:1" ht="30" customHeight="1" x14ac:dyDescent="0.2"/>
    <row r="44" spans="1:1" ht="30" customHeight="1" x14ac:dyDescent="0.2"/>
    <row r="45" spans="1:1" ht="30" customHeight="1" x14ac:dyDescent="0.2"/>
    <row r="46" spans="1:1" ht="30" customHeight="1" x14ac:dyDescent="0.2"/>
    <row r="47" spans="1:1" ht="30" customHeight="1" x14ac:dyDescent="0.2"/>
    <row r="48" spans="1:1" ht="30" customHeight="1" x14ac:dyDescent="0.2"/>
    <row r="49" ht="30" customHeight="1" x14ac:dyDescent="0.2"/>
    <row r="50" ht="30" customHeight="1" x14ac:dyDescent="0.2"/>
    <row r="51" ht="30" customHeight="1" x14ac:dyDescent="0.2"/>
    <row r="52" ht="30" customHeight="1" x14ac:dyDescent="0.2"/>
    <row r="53" ht="30" customHeight="1" x14ac:dyDescent="0.2"/>
    <row r="54" ht="30" customHeight="1" x14ac:dyDescent="0.2"/>
    <row r="55" ht="30" customHeight="1" x14ac:dyDescent="0.2"/>
    <row r="56" ht="30" customHeight="1" x14ac:dyDescent="0.2"/>
    <row r="57" ht="30" customHeight="1" x14ac:dyDescent="0.2"/>
    <row r="58" ht="30" customHeight="1" x14ac:dyDescent="0.2"/>
    <row r="59" ht="30" customHeight="1" x14ac:dyDescent="0.2"/>
    <row r="60" ht="30" customHeight="1" x14ac:dyDescent="0.2"/>
    <row r="61" ht="30" customHeight="1" x14ac:dyDescent="0.2"/>
    <row r="62" ht="30" customHeight="1" x14ac:dyDescent="0.2"/>
    <row r="63" ht="30" customHeight="1" x14ac:dyDescent="0.2"/>
    <row r="64" ht="30" customHeight="1" x14ac:dyDescent="0.2"/>
    <row r="65" ht="30" customHeight="1" x14ac:dyDescent="0.2"/>
    <row r="66" ht="30" customHeight="1" x14ac:dyDescent="0.2"/>
    <row r="67" ht="30" customHeight="1" x14ac:dyDescent="0.2"/>
    <row r="68" ht="30" customHeight="1" x14ac:dyDescent="0.2"/>
    <row r="69" ht="30" customHeight="1" x14ac:dyDescent="0.2"/>
    <row r="70" ht="20.149999999999999" customHeight="1" x14ac:dyDescent="0.2"/>
    <row r="71" ht="20.149999999999999" customHeight="1" x14ac:dyDescent="0.2"/>
    <row r="72" ht="20.149999999999999" customHeight="1" x14ac:dyDescent="0.2"/>
    <row r="73" ht="20.149999999999999" customHeight="1" x14ac:dyDescent="0.2"/>
    <row r="74" ht="20.149999999999999" customHeight="1" x14ac:dyDescent="0.2"/>
    <row r="75" ht="20.149999999999999" customHeight="1" x14ac:dyDescent="0.2"/>
    <row r="76" ht="20.149999999999999" customHeight="1" x14ac:dyDescent="0.2"/>
    <row r="77" ht="20.149999999999999" customHeight="1" x14ac:dyDescent="0.2"/>
    <row r="78" ht="20.149999999999999" customHeight="1" x14ac:dyDescent="0.2"/>
    <row r="79" ht="20.149999999999999" customHeight="1" x14ac:dyDescent="0.2"/>
    <row r="80" ht="20.149999999999999" customHeight="1" x14ac:dyDescent="0.2"/>
    <row r="81" ht="20.149999999999999" customHeight="1" x14ac:dyDescent="0.2"/>
    <row r="82" ht="20.149999999999999" customHeight="1" x14ac:dyDescent="0.2"/>
    <row r="83" ht="20.149999999999999" customHeight="1" x14ac:dyDescent="0.2"/>
    <row r="84" ht="20.149999999999999" customHeight="1" x14ac:dyDescent="0.2"/>
    <row r="85" ht="20.149999999999999" customHeight="1" x14ac:dyDescent="0.2"/>
    <row r="86" ht="20.149999999999999" customHeight="1" x14ac:dyDescent="0.2"/>
    <row r="87" ht="20.149999999999999" customHeight="1" x14ac:dyDescent="0.2"/>
    <row r="88" ht="20.149999999999999" customHeight="1" x14ac:dyDescent="0.2"/>
    <row r="89" ht="20.149999999999999" customHeight="1" x14ac:dyDescent="0.2"/>
    <row r="90" ht="20.149999999999999" customHeight="1" x14ac:dyDescent="0.2"/>
    <row r="91" ht="20.149999999999999" customHeight="1" x14ac:dyDescent="0.2"/>
    <row r="92" ht="20.149999999999999" customHeight="1" x14ac:dyDescent="0.2"/>
    <row r="93" ht="20.149999999999999" customHeight="1" x14ac:dyDescent="0.2"/>
    <row r="94" ht="20.149999999999999" customHeight="1" x14ac:dyDescent="0.2"/>
    <row r="95" ht="20.149999999999999" customHeight="1" x14ac:dyDescent="0.2"/>
    <row r="96" ht="20.149999999999999" customHeight="1" x14ac:dyDescent="0.2"/>
    <row r="97" ht="20.149999999999999" customHeight="1" x14ac:dyDescent="0.2"/>
    <row r="98" ht="20.149999999999999" customHeight="1" x14ac:dyDescent="0.2"/>
    <row r="99" ht="20.149999999999999" customHeight="1" x14ac:dyDescent="0.2"/>
    <row r="100" ht="20.149999999999999" customHeight="1" x14ac:dyDescent="0.2"/>
    <row r="101" ht="20.149999999999999" customHeight="1" x14ac:dyDescent="0.2"/>
    <row r="102" ht="20.149999999999999" customHeight="1" x14ac:dyDescent="0.2"/>
    <row r="103" ht="20.149999999999999" customHeight="1" x14ac:dyDescent="0.2"/>
    <row r="104" ht="20.149999999999999" customHeight="1" x14ac:dyDescent="0.2"/>
    <row r="105" ht="20.149999999999999" customHeight="1" x14ac:dyDescent="0.2"/>
    <row r="106" ht="20.149999999999999" customHeight="1" x14ac:dyDescent="0.2"/>
    <row r="107" ht="20.149999999999999" customHeight="1" x14ac:dyDescent="0.2"/>
    <row r="108" ht="20.149999999999999" customHeight="1" x14ac:dyDescent="0.2"/>
    <row r="109" ht="20.149999999999999" customHeight="1" x14ac:dyDescent="0.2"/>
    <row r="110" ht="20.149999999999999" customHeight="1" x14ac:dyDescent="0.2"/>
    <row r="111" ht="20.149999999999999" customHeight="1" x14ac:dyDescent="0.2"/>
    <row r="112" ht="20.149999999999999" customHeight="1" x14ac:dyDescent="0.2"/>
    <row r="113" ht="20.149999999999999" customHeight="1" x14ac:dyDescent="0.2"/>
    <row r="114" ht="20.149999999999999" customHeight="1" x14ac:dyDescent="0.2"/>
    <row r="115" ht="20.149999999999999" customHeight="1" x14ac:dyDescent="0.2"/>
    <row r="116" ht="20.149999999999999" customHeight="1" x14ac:dyDescent="0.2"/>
    <row r="117" ht="20.149999999999999" customHeight="1" x14ac:dyDescent="0.2"/>
    <row r="118" ht="20.149999999999999" customHeight="1" x14ac:dyDescent="0.2"/>
    <row r="119" ht="20.149999999999999" customHeight="1" x14ac:dyDescent="0.2"/>
    <row r="120" ht="20.149999999999999" customHeight="1" x14ac:dyDescent="0.2"/>
    <row r="121" ht="20.149999999999999" customHeight="1" x14ac:dyDescent="0.2"/>
    <row r="122" ht="20.149999999999999" customHeight="1" x14ac:dyDescent="0.2"/>
    <row r="123" ht="20.149999999999999" customHeight="1" x14ac:dyDescent="0.2"/>
    <row r="124" ht="20.149999999999999" customHeight="1" x14ac:dyDescent="0.2"/>
    <row r="125" ht="20.149999999999999" customHeight="1" x14ac:dyDescent="0.2"/>
    <row r="126" ht="20.149999999999999" customHeight="1" x14ac:dyDescent="0.2"/>
    <row r="127" ht="20.149999999999999" customHeight="1" x14ac:dyDescent="0.2"/>
    <row r="128" ht="20.149999999999999" customHeight="1" x14ac:dyDescent="0.2"/>
    <row r="129" ht="20.149999999999999" customHeight="1" x14ac:dyDescent="0.2"/>
  </sheetData>
  <mergeCells count="17">
    <mergeCell ref="A10:A11"/>
    <mergeCell ref="B4:C4"/>
    <mergeCell ref="D4:E4"/>
    <mergeCell ref="F4:G4"/>
    <mergeCell ref="H4:I4"/>
    <mergeCell ref="A2:K2"/>
    <mergeCell ref="I3:K3"/>
    <mergeCell ref="J4:K4"/>
    <mergeCell ref="A6:A7"/>
    <mergeCell ref="A8:A9"/>
    <mergeCell ref="A20:A21"/>
    <mergeCell ref="A22:A23"/>
    <mergeCell ref="A24:A25"/>
    <mergeCell ref="A12:A13"/>
    <mergeCell ref="A14:A15"/>
    <mergeCell ref="A16:A17"/>
    <mergeCell ref="A18:A19"/>
  </mergeCells>
  <phoneticPr fontId="1"/>
  <pageMargins left="0.74" right="0.18" top="0.57999999999999996" bottom="0.54" header="0.51200000000000001" footer="0.51200000000000001"/>
  <pageSetup paperSize="9" orientation="portrait" verticalDpi="300"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Q84"/>
  <sheetViews>
    <sheetView view="pageBreakPreview" zoomScale="82" zoomScaleNormal="100" zoomScaleSheetLayoutView="82" workbookViewId="0">
      <selection activeCell="BX20" sqref="BX20"/>
    </sheetView>
  </sheetViews>
  <sheetFormatPr defaultColWidth="9" defaultRowHeight="14" x14ac:dyDescent="0.2"/>
  <cols>
    <col min="1" max="1" width="1" style="10" customWidth="1"/>
    <col min="2" max="2" width="2.58203125" style="12" customWidth="1"/>
    <col min="3" max="7" width="3" style="10" customWidth="1"/>
    <col min="8" max="9" width="2.08203125" style="18" customWidth="1"/>
    <col min="10" max="76" width="2.08203125" style="10" customWidth="1"/>
    <col min="77" max="113" width="3.58203125" style="10" customWidth="1"/>
    <col min="114" max="16384" width="9" style="10"/>
  </cols>
  <sheetData>
    <row r="1" spans="1:69" s="77" customFormat="1" ht="16.5" customHeight="1" x14ac:dyDescent="0.2">
      <c r="A1" s="80" t="s">
        <v>227</v>
      </c>
      <c r="B1" s="80"/>
    </row>
    <row r="2" spans="1:69" s="7" customFormat="1" ht="18" customHeight="1" x14ac:dyDescent="0.2">
      <c r="B2" s="449" t="s">
        <v>520</v>
      </c>
      <c r="C2" s="680"/>
      <c r="D2" s="680"/>
      <c r="E2" s="680"/>
      <c r="F2" s="680"/>
      <c r="G2" s="680"/>
      <c r="H2" s="680"/>
      <c r="I2" s="680"/>
      <c r="J2" s="680"/>
      <c r="K2" s="680"/>
      <c r="L2" s="680"/>
      <c r="M2" s="680"/>
      <c r="N2" s="680"/>
      <c r="O2" s="680"/>
      <c r="P2" s="680"/>
      <c r="Q2" s="680"/>
      <c r="R2" s="680"/>
      <c r="S2" s="680"/>
      <c r="T2" s="680"/>
      <c r="U2" s="680"/>
      <c r="V2" s="680"/>
      <c r="W2" s="680"/>
      <c r="X2" s="680"/>
      <c r="Y2" s="680"/>
      <c r="Z2" s="680"/>
      <c r="AA2" s="680"/>
      <c r="AB2" s="680"/>
      <c r="AC2" s="680"/>
      <c r="AD2" s="680"/>
      <c r="AE2" s="680"/>
      <c r="AF2" s="680"/>
      <c r="AG2" s="680"/>
      <c r="AH2" s="680"/>
      <c r="AI2" s="680"/>
      <c r="AJ2" s="680"/>
      <c r="AK2" s="680"/>
      <c r="AL2" s="680"/>
      <c r="AM2" s="680"/>
      <c r="AN2" s="680"/>
      <c r="AO2" s="680"/>
      <c r="AP2" s="680"/>
      <c r="AQ2" s="680"/>
      <c r="AR2" s="680"/>
      <c r="AS2" s="680"/>
      <c r="AT2" s="680"/>
      <c r="AU2" s="680"/>
      <c r="AV2" s="680"/>
      <c r="AW2" s="680"/>
      <c r="AX2" s="680"/>
      <c r="AY2" s="680"/>
      <c r="AZ2" s="680"/>
      <c r="BA2" s="680"/>
      <c r="BB2" s="680"/>
      <c r="BC2" s="680"/>
      <c r="BD2" s="680"/>
      <c r="BE2" s="680"/>
      <c r="BF2" s="680"/>
      <c r="BG2" s="680"/>
      <c r="BH2" s="680"/>
      <c r="BI2" s="680"/>
      <c r="BJ2" s="680"/>
      <c r="BK2" s="680"/>
      <c r="BL2" s="680"/>
      <c r="BM2" s="680"/>
      <c r="BN2" s="680"/>
      <c r="BO2" s="680"/>
      <c r="BP2" s="680"/>
      <c r="BQ2" s="680"/>
    </row>
    <row r="3" spans="1:69" s="9" customFormat="1" ht="20.149999999999999" customHeight="1" thickBot="1" x14ac:dyDescent="0.25">
      <c r="B3" s="14"/>
      <c r="H3" s="16"/>
      <c r="I3" s="16"/>
      <c r="BJ3" s="468" t="s">
        <v>70</v>
      </c>
      <c r="BK3" s="468"/>
      <c r="BL3" s="680"/>
      <c r="BM3" s="680"/>
      <c r="BN3" s="680"/>
      <c r="BO3" s="680"/>
      <c r="BP3" s="680"/>
      <c r="BQ3" s="680"/>
    </row>
    <row r="4" spans="1:69" s="13" customFormat="1" ht="16" customHeight="1" thickBot="1" x14ac:dyDescent="0.25">
      <c r="B4" s="469" t="s">
        <v>295</v>
      </c>
      <c r="C4" s="470"/>
      <c r="D4" s="470"/>
      <c r="E4" s="470"/>
      <c r="F4" s="470"/>
      <c r="G4" s="471"/>
      <c r="H4" s="475" t="s">
        <v>296</v>
      </c>
      <c r="I4" s="476"/>
      <c r="J4" s="466" t="s">
        <v>71</v>
      </c>
      <c r="K4" s="464"/>
      <c r="L4" s="464"/>
      <c r="M4" s="467"/>
      <c r="N4" s="467"/>
      <c r="O4" s="463" t="s">
        <v>73</v>
      </c>
      <c r="P4" s="464"/>
      <c r="Q4" s="464"/>
      <c r="R4" s="464"/>
      <c r="S4" s="465"/>
      <c r="T4" s="466" t="s">
        <v>72</v>
      </c>
      <c r="U4" s="464"/>
      <c r="V4" s="464"/>
      <c r="W4" s="467"/>
      <c r="X4" s="467"/>
      <c r="Y4" s="463" t="s">
        <v>74</v>
      </c>
      <c r="Z4" s="464"/>
      <c r="AA4" s="464"/>
      <c r="AB4" s="464"/>
      <c r="AC4" s="465"/>
      <c r="AD4" s="466" t="s">
        <v>75</v>
      </c>
      <c r="AE4" s="464"/>
      <c r="AF4" s="464"/>
      <c r="AG4" s="464"/>
      <c r="AH4" s="467"/>
      <c r="AI4" s="463" t="s">
        <v>76</v>
      </c>
      <c r="AJ4" s="464"/>
      <c r="AK4" s="464"/>
      <c r="AL4" s="467"/>
      <c r="AM4" s="465"/>
      <c r="AN4" s="466" t="s">
        <v>77</v>
      </c>
      <c r="AO4" s="464"/>
      <c r="AP4" s="464"/>
      <c r="AQ4" s="464"/>
      <c r="AR4" s="467"/>
      <c r="AS4" s="463" t="s">
        <v>78</v>
      </c>
      <c r="AT4" s="464"/>
      <c r="AU4" s="464"/>
      <c r="AV4" s="467"/>
      <c r="AW4" s="465"/>
      <c r="AX4" s="466" t="s">
        <v>79</v>
      </c>
      <c r="AY4" s="464"/>
      <c r="AZ4" s="464"/>
      <c r="BA4" s="464"/>
      <c r="BB4" s="467"/>
      <c r="BC4" s="463" t="s">
        <v>80</v>
      </c>
      <c r="BD4" s="464"/>
      <c r="BE4" s="464"/>
      <c r="BF4" s="464"/>
      <c r="BG4" s="465"/>
      <c r="BH4" s="466" t="s">
        <v>81</v>
      </c>
      <c r="BI4" s="464"/>
      <c r="BJ4" s="464"/>
      <c r="BK4" s="467"/>
      <c r="BL4" s="467"/>
      <c r="BM4" s="463" t="s">
        <v>82</v>
      </c>
      <c r="BN4" s="464"/>
      <c r="BO4" s="464"/>
      <c r="BP4" s="467"/>
      <c r="BQ4" s="465"/>
    </row>
    <row r="5" spans="1:69" s="9" customFormat="1" ht="16" customHeight="1" thickBot="1" x14ac:dyDescent="0.25">
      <c r="B5" s="472"/>
      <c r="C5" s="473"/>
      <c r="D5" s="473"/>
      <c r="E5" s="473"/>
      <c r="F5" s="473"/>
      <c r="G5" s="474"/>
      <c r="H5" s="477"/>
      <c r="I5" s="478"/>
      <c r="J5" s="31">
        <v>1</v>
      </c>
      <c r="K5" s="28">
        <v>2</v>
      </c>
      <c r="L5" s="28">
        <v>3</v>
      </c>
      <c r="M5" s="35">
        <v>4</v>
      </c>
      <c r="N5" s="35">
        <v>5</v>
      </c>
      <c r="O5" s="38">
        <v>1</v>
      </c>
      <c r="P5" s="28">
        <v>2</v>
      </c>
      <c r="Q5" s="28">
        <v>3</v>
      </c>
      <c r="R5" s="28">
        <v>4</v>
      </c>
      <c r="S5" s="29">
        <v>5</v>
      </c>
      <c r="T5" s="31">
        <v>1</v>
      </c>
      <c r="U5" s="28">
        <v>2</v>
      </c>
      <c r="V5" s="28">
        <v>3</v>
      </c>
      <c r="W5" s="35">
        <v>4</v>
      </c>
      <c r="X5" s="35">
        <v>5</v>
      </c>
      <c r="Y5" s="38">
        <v>1</v>
      </c>
      <c r="Z5" s="28">
        <v>2</v>
      </c>
      <c r="AA5" s="28">
        <v>3</v>
      </c>
      <c r="AB5" s="28">
        <v>4</v>
      </c>
      <c r="AC5" s="29">
        <v>5</v>
      </c>
      <c r="AD5" s="31">
        <v>1</v>
      </c>
      <c r="AE5" s="28">
        <v>2</v>
      </c>
      <c r="AF5" s="28">
        <v>3</v>
      </c>
      <c r="AG5" s="28">
        <v>4</v>
      </c>
      <c r="AH5" s="35">
        <v>5</v>
      </c>
      <c r="AI5" s="38">
        <v>1</v>
      </c>
      <c r="AJ5" s="28">
        <v>2</v>
      </c>
      <c r="AK5" s="28">
        <v>3</v>
      </c>
      <c r="AL5" s="29">
        <v>4</v>
      </c>
      <c r="AM5" s="29">
        <v>5</v>
      </c>
      <c r="AN5" s="31">
        <v>1</v>
      </c>
      <c r="AO5" s="28">
        <v>2</v>
      </c>
      <c r="AP5" s="28">
        <v>3</v>
      </c>
      <c r="AQ5" s="28">
        <v>4</v>
      </c>
      <c r="AR5" s="35">
        <v>5</v>
      </c>
      <c r="AS5" s="38">
        <v>1</v>
      </c>
      <c r="AT5" s="28">
        <v>2</v>
      </c>
      <c r="AU5" s="28">
        <v>3</v>
      </c>
      <c r="AV5" s="29">
        <v>4</v>
      </c>
      <c r="AW5" s="29">
        <v>5</v>
      </c>
      <c r="AX5" s="31">
        <v>1</v>
      </c>
      <c r="AY5" s="28">
        <v>2</v>
      </c>
      <c r="AZ5" s="28">
        <v>3</v>
      </c>
      <c r="BA5" s="28">
        <v>4</v>
      </c>
      <c r="BB5" s="35">
        <v>5</v>
      </c>
      <c r="BC5" s="38">
        <v>1</v>
      </c>
      <c r="BD5" s="28">
        <v>2</v>
      </c>
      <c r="BE5" s="28">
        <v>3</v>
      </c>
      <c r="BF5" s="28">
        <v>4</v>
      </c>
      <c r="BG5" s="29">
        <v>5</v>
      </c>
      <c r="BH5" s="31">
        <v>1</v>
      </c>
      <c r="BI5" s="28">
        <v>2</v>
      </c>
      <c r="BJ5" s="28">
        <v>3</v>
      </c>
      <c r="BK5" s="35">
        <v>4</v>
      </c>
      <c r="BL5" s="35">
        <v>5</v>
      </c>
      <c r="BM5" s="38">
        <v>1</v>
      </c>
      <c r="BN5" s="28">
        <v>2</v>
      </c>
      <c r="BO5" s="28">
        <v>3</v>
      </c>
      <c r="BP5" s="28">
        <v>4</v>
      </c>
      <c r="BQ5" s="681">
        <v>5</v>
      </c>
    </row>
    <row r="6" spans="1:69" s="16" customFormat="1" ht="16" customHeight="1" x14ac:dyDescent="0.2">
      <c r="B6" s="682" t="s">
        <v>509</v>
      </c>
      <c r="C6" s="683" t="s">
        <v>297</v>
      </c>
      <c r="D6" s="684"/>
      <c r="E6" s="684"/>
      <c r="F6" s="684"/>
      <c r="G6" s="685"/>
      <c r="H6" s="459"/>
      <c r="I6" s="460"/>
      <c r="J6" s="39"/>
      <c r="K6" s="26"/>
      <c r="L6" s="26"/>
      <c r="M6" s="36"/>
      <c r="N6" s="36"/>
      <c r="O6" s="25"/>
      <c r="P6" s="26"/>
      <c r="Q6" s="26"/>
      <c r="R6" s="26"/>
      <c r="S6" s="27"/>
      <c r="T6" s="32"/>
      <c r="U6" s="26"/>
      <c r="V6" s="26"/>
      <c r="W6" s="36"/>
      <c r="X6" s="36"/>
      <c r="Y6" s="25"/>
      <c r="Z6" s="26"/>
      <c r="AA6" s="26"/>
      <c r="AB6" s="26"/>
      <c r="AC6" s="43"/>
      <c r="AD6" s="39"/>
      <c r="AE6" s="42"/>
      <c r="AF6" s="42"/>
      <c r="AG6" s="42"/>
      <c r="AH6" s="48"/>
      <c r="AI6" s="49"/>
      <c r="AJ6" s="26"/>
      <c r="AK6" s="26"/>
      <c r="AL6" s="36"/>
      <c r="AM6" s="27"/>
      <c r="AN6" s="32"/>
      <c r="AO6" s="26"/>
      <c r="AP6" s="26"/>
      <c r="AQ6" s="26"/>
      <c r="AR6" s="36"/>
      <c r="AS6" s="25"/>
      <c r="AT6" s="26"/>
      <c r="AU6" s="26"/>
      <c r="AV6" s="36"/>
      <c r="AW6" s="27"/>
      <c r="AX6" s="32"/>
      <c r="AY6" s="26"/>
      <c r="AZ6" s="26"/>
      <c r="BA6" s="42"/>
      <c r="BB6" s="48"/>
      <c r="BC6" s="49"/>
      <c r="BD6" s="42"/>
      <c r="BE6" s="26"/>
      <c r="BF6" s="26"/>
      <c r="BG6" s="27"/>
      <c r="BH6" s="32"/>
      <c r="BI6" s="26"/>
      <c r="BJ6" s="26"/>
      <c r="BK6" s="36"/>
      <c r="BL6" s="36"/>
      <c r="BM6" s="25"/>
      <c r="BN6" s="26"/>
      <c r="BO6" s="42"/>
      <c r="BP6" s="48"/>
      <c r="BQ6" s="43"/>
    </row>
    <row r="7" spans="1:69" s="16" customFormat="1" ht="16" customHeight="1" x14ac:dyDescent="0.2">
      <c r="B7" s="686"/>
      <c r="C7" s="687" t="s">
        <v>298</v>
      </c>
      <c r="D7" s="688"/>
      <c r="E7" s="688"/>
      <c r="F7" s="688"/>
      <c r="G7" s="689"/>
      <c r="H7" s="457"/>
      <c r="I7" s="458"/>
      <c r="J7" s="40"/>
      <c r="K7" s="19"/>
      <c r="L7" s="19"/>
      <c r="M7" s="30"/>
      <c r="N7" s="30"/>
      <c r="O7" s="20"/>
      <c r="P7" s="19"/>
      <c r="Q7" s="19"/>
      <c r="R7" s="19"/>
      <c r="S7" s="21"/>
      <c r="T7" s="33"/>
      <c r="U7" s="19"/>
      <c r="V7" s="19"/>
      <c r="W7" s="30"/>
      <c r="X7" s="30"/>
      <c r="Y7" s="20"/>
      <c r="Z7" s="19"/>
      <c r="AA7" s="19"/>
      <c r="AB7" s="19"/>
      <c r="AC7" s="45"/>
      <c r="AD7" s="40"/>
      <c r="AE7" s="44"/>
      <c r="AF7" s="44"/>
      <c r="AG7" s="44"/>
      <c r="AH7" s="50"/>
      <c r="AI7" s="51"/>
      <c r="AJ7" s="19"/>
      <c r="AK7" s="19"/>
      <c r="AL7" s="30"/>
      <c r="AM7" s="21"/>
      <c r="AN7" s="33"/>
      <c r="AO7" s="19"/>
      <c r="AP7" s="19"/>
      <c r="AQ7" s="19"/>
      <c r="AR7" s="30"/>
      <c r="AS7" s="20"/>
      <c r="AT7" s="19"/>
      <c r="AU7" s="19"/>
      <c r="AV7" s="30"/>
      <c r="AW7" s="21"/>
      <c r="AX7" s="33"/>
      <c r="AY7" s="19"/>
      <c r="AZ7" s="19"/>
      <c r="BA7" s="44"/>
      <c r="BB7" s="50"/>
      <c r="BC7" s="51"/>
      <c r="BD7" s="44"/>
      <c r="BE7" s="19"/>
      <c r="BF7" s="19"/>
      <c r="BG7" s="21"/>
      <c r="BH7" s="33"/>
      <c r="BI7" s="19"/>
      <c r="BJ7" s="19"/>
      <c r="BK7" s="30"/>
      <c r="BL7" s="30"/>
      <c r="BM7" s="20"/>
      <c r="BN7" s="19"/>
      <c r="BO7" s="44"/>
      <c r="BP7" s="50"/>
      <c r="BQ7" s="45"/>
    </row>
    <row r="8" spans="1:69" s="16" customFormat="1" ht="16" customHeight="1" x14ac:dyDescent="0.2">
      <c r="B8" s="686"/>
      <c r="C8" s="687" t="s">
        <v>299</v>
      </c>
      <c r="D8" s="688"/>
      <c r="E8" s="688"/>
      <c r="F8" s="688"/>
      <c r="G8" s="689"/>
      <c r="H8" s="457"/>
      <c r="I8" s="458"/>
      <c r="J8" s="40"/>
      <c r="K8" s="19"/>
      <c r="L8" s="19"/>
      <c r="M8" s="30"/>
      <c r="N8" s="30"/>
      <c r="O8" s="20"/>
      <c r="P8" s="19"/>
      <c r="Q8" s="19"/>
      <c r="R8" s="19"/>
      <c r="S8" s="21"/>
      <c r="T8" s="33"/>
      <c r="U8" s="19"/>
      <c r="V8" s="19"/>
      <c r="W8" s="30"/>
      <c r="X8" s="30"/>
      <c r="Y8" s="20"/>
      <c r="Z8" s="19"/>
      <c r="AA8" s="19"/>
      <c r="AB8" s="19"/>
      <c r="AC8" s="45"/>
      <c r="AD8" s="40"/>
      <c r="AE8" s="44"/>
      <c r="AF8" s="44"/>
      <c r="AG8" s="44"/>
      <c r="AH8" s="50"/>
      <c r="AI8" s="51"/>
      <c r="AJ8" s="19"/>
      <c r="AK8" s="19"/>
      <c r="AL8" s="30"/>
      <c r="AM8" s="21"/>
      <c r="AN8" s="33"/>
      <c r="AO8" s="19"/>
      <c r="AP8" s="19"/>
      <c r="AQ8" s="19"/>
      <c r="AR8" s="30"/>
      <c r="AS8" s="20"/>
      <c r="AT8" s="19"/>
      <c r="AU8" s="19"/>
      <c r="AV8" s="30"/>
      <c r="AW8" s="21"/>
      <c r="AX8" s="33"/>
      <c r="AY8" s="19"/>
      <c r="AZ8" s="19"/>
      <c r="BA8" s="44"/>
      <c r="BB8" s="50"/>
      <c r="BC8" s="51"/>
      <c r="BD8" s="44"/>
      <c r="BE8" s="19"/>
      <c r="BF8" s="19"/>
      <c r="BG8" s="21"/>
      <c r="BH8" s="33"/>
      <c r="BI8" s="19"/>
      <c r="BJ8" s="19"/>
      <c r="BK8" s="30"/>
      <c r="BL8" s="30"/>
      <c r="BM8" s="20"/>
      <c r="BN8" s="19"/>
      <c r="BO8" s="44"/>
      <c r="BP8" s="50"/>
      <c r="BQ8" s="45"/>
    </row>
    <row r="9" spans="1:69" s="16" customFormat="1" ht="16" customHeight="1" thickBot="1" x14ac:dyDescent="0.25">
      <c r="B9" s="690"/>
      <c r="C9" s="691" t="s">
        <v>300</v>
      </c>
      <c r="D9" s="692"/>
      <c r="E9" s="692"/>
      <c r="F9" s="692"/>
      <c r="G9" s="693"/>
      <c r="H9" s="461"/>
      <c r="I9" s="462"/>
      <c r="J9" s="41"/>
      <c r="K9" s="23"/>
      <c r="L9" s="23"/>
      <c r="M9" s="37"/>
      <c r="N9" s="37"/>
      <c r="O9" s="22"/>
      <c r="P9" s="23"/>
      <c r="Q9" s="23"/>
      <c r="R9" s="23"/>
      <c r="S9" s="24"/>
      <c r="T9" s="34"/>
      <c r="U9" s="23"/>
      <c r="V9" s="23"/>
      <c r="W9" s="37"/>
      <c r="X9" s="37"/>
      <c r="Y9" s="22"/>
      <c r="Z9" s="23"/>
      <c r="AA9" s="23"/>
      <c r="AB9" s="23"/>
      <c r="AC9" s="47"/>
      <c r="AD9" s="41"/>
      <c r="AE9" s="46"/>
      <c r="AF9" s="46"/>
      <c r="AG9" s="46"/>
      <c r="AH9" s="52"/>
      <c r="AI9" s="53"/>
      <c r="AJ9" s="23"/>
      <c r="AK9" s="23"/>
      <c r="AL9" s="37"/>
      <c r="AM9" s="24"/>
      <c r="AN9" s="34"/>
      <c r="AO9" s="23"/>
      <c r="AP9" s="23"/>
      <c r="AQ9" s="23"/>
      <c r="AR9" s="37"/>
      <c r="AS9" s="22"/>
      <c r="AT9" s="23"/>
      <c r="AU9" s="23"/>
      <c r="AV9" s="37"/>
      <c r="AW9" s="24"/>
      <c r="AX9" s="34"/>
      <c r="AY9" s="23"/>
      <c r="AZ9" s="23"/>
      <c r="BA9" s="46"/>
      <c r="BB9" s="52"/>
      <c r="BC9" s="53"/>
      <c r="BD9" s="46"/>
      <c r="BE9" s="23"/>
      <c r="BF9" s="23"/>
      <c r="BG9" s="24"/>
      <c r="BH9" s="34"/>
      <c r="BI9" s="23"/>
      <c r="BJ9" s="23"/>
      <c r="BK9" s="37"/>
      <c r="BL9" s="37"/>
      <c r="BM9" s="22"/>
      <c r="BN9" s="23"/>
      <c r="BO9" s="46"/>
      <c r="BP9" s="52"/>
      <c r="BQ9" s="47"/>
    </row>
    <row r="10" spans="1:69" s="16" customFormat="1" ht="16" customHeight="1" x14ac:dyDescent="0.2">
      <c r="B10" s="682" t="s">
        <v>510</v>
      </c>
      <c r="C10" s="687" t="s">
        <v>301</v>
      </c>
      <c r="D10" s="688"/>
      <c r="E10" s="688"/>
      <c r="F10" s="688"/>
      <c r="G10" s="689"/>
      <c r="H10" s="459"/>
      <c r="I10" s="460"/>
      <c r="J10" s="39"/>
      <c r="K10" s="26"/>
      <c r="L10" s="26"/>
      <c r="M10" s="36"/>
      <c r="N10" s="36"/>
      <c r="O10" s="25"/>
      <c r="P10" s="26"/>
      <c r="Q10" s="26"/>
      <c r="R10" s="26"/>
      <c r="S10" s="27"/>
      <c r="T10" s="32"/>
      <c r="U10" s="26"/>
      <c r="V10" s="26"/>
      <c r="W10" s="36"/>
      <c r="X10" s="36"/>
      <c r="Y10" s="25"/>
      <c r="Z10" s="26"/>
      <c r="AA10" s="26"/>
      <c r="AB10" s="26"/>
      <c r="AC10" s="43"/>
      <c r="AD10" s="39"/>
      <c r="AE10" s="42"/>
      <c r="AF10" s="42"/>
      <c r="AG10" s="42"/>
      <c r="AH10" s="48"/>
      <c r="AI10" s="49"/>
      <c r="AJ10" s="26"/>
      <c r="AK10" s="26"/>
      <c r="AL10" s="36"/>
      <c r="AM10" s="27"/>
      <c r="AN10" s="32"/>
      <c r="AO10" s="26"/>
      <c r="AP10" s="26"/>
      <c r="AQ10" s="26"/>
      <c r="AR10" s="36"/>
      <c r="AS10" s="25"/>
      <c r="AT10" s="26"/>
      <c r="AU10" s="26"/>
      <c r="AV10" s="36"/>
      <c r="AW10" s="27"/>
      <c r="AX10" s="32"/>
      <c r="AY10" s="26"/>
      <c r="AZ10" s="26"/>
      <c r="BA10" s="42"/>
      <c r="BB10" s="48"/>
      <c r="BC10" s="49"/>
      <c r="BD10" s="42"/>
      <c r="BE10" s="26"/>
      <c r="BF10" s="26"/>
      <c r="BG10" s="27"/>
      <c r="BH10" s="32"/>
      <c r="BI10" s="26"/>
      <c r="BJ10" s="26"/>
      <c r="BK10" s="36"/>
      <c r="BL10" s="36"/>
      <c r="BM10" s="25"/>
      <c r="BN10" s="26"/>
      <c r="BO10" s="42"/>
      <c r="BP10" s="48"/>
      <c r="BQ10" s="43"/>
    </row>
    <row r="11" spans="1:69" s="16" customFormat="1" ht="16" customHeight="1" x14ac:dyDescent="0.2">
      <c r="B11" s="686"/>
      <c r="C11" s="687" t="s">
        <v>302</v>
      </c>
      <c r="D11" s="688"/>
      <c r="E11" s="688"/>
      <c r="F11" s="688"/>
      <c r="G11" s="689"/>
      <c r="H11" s="457"/>
      <c r="I11" s="458"/>
      <c r="J11" s="40"/>
      <c r="K11" s="19"/>
      <c r="L11" s="19"/>
      <c r="M11" s="30"/>
      <c r="N11" s="30"/>
      <c r="O11" s="20"/>
      <c r="P11" s="19"/>
      <c r="Q11" s="19"/>
      <c r="R11" s="19"/>
      <c r="S11" s="21"/>
      <c r="T11" s="33"/>
      <c r="U11" s="19"/>
      <c r="V11" s="19"/>
      <c r="W11" s="30"/>
      <c r="X11" s="30"/>
      <c r="Y11" s="20"/>
      <c r="Z11" s="19"/>
      <c r="AA11" s="19"/>
      <c r="AB11" s="19"/>
      <c r="AC11" s="45"/>
      <c r="AD11" s="40"/>
      <c r="AE11" s="44"/>
      <c r="AF11" s="44"/>
      <c r="AG11" s="44"/>
      <c r="AH11" s="50"/>
      <c r="AI11" s="51"/>
      <c r="AJ11" s="19"/>
      <c r="AK11" s="19"/>
      <c r="AL11" s="30"/>
      <c r="AM11" s="21"/>
      <c r="AN11" s="33"/>
      <c r="AO11" s="19"/>
      <c r="AP11" s="19"/>
      <c r="AQ11" s="19"/>
      <c r="AR11" s="30"/>
      <c r="AS11" s="20"/>
      <c r="AT11" s="19"/>
      <c r="AU11" s="19"/>
      <c r="AV11" s="30"/>
      <c r="AW11" s="21"/>
      <c r="AX11" s="33"/>
      <c r="AY11" s="19"/>
      <c r="AZ11" s="19"/>
      <c r="BA11" s="44"/>
      <c r="BB11" s="50"/>
      <c r="BC11" s="51"/>
      <c r="BD11" s="44"/>
      <c r="BE11" s="19"/>
      <c r="BF11" s="19"/>
      <c r="BG11" s="21"/>
      <c r="BH11" s="33"/>
      <c r="BI11" s="19"/>
      <c r="BJ11" s="19"/>
      <c r="BK11" s="30"/>
      <c r="BL11" s="30"/>
      <c r="BM11" s="20"/>
      <c r="BN11" s="19"/>
      <c r="BO11" s="44"/>
      <c r="BP11" s="50"/>
      <c r="BQ11" s="45"/>
    </row>
    <row r="12" spans="1:69" s="16" customFormat="1" ht="16" customHeight="1" x14ac:dyDescent="0.2">
      <c r="B12" s="686"/>
      <c r="C12" s="694" t="s">
        <v>303</v>
      </c>
      <c r="D12" s="688"/>
      <c r="E12" s="688"/>
      <c r="F12" s="688"/>
      <c r="G12" s="689"/>
      <c r="H12" s="457"/>
      <c r="I12" s="458"/>
      <c r="J12" s="40"/>
      <c r="K12" s="19"/>
      <c r="L12" s="19"/>
      <c r="M12" s="30"/>
      <c r="N12" s="30"/>
      <c r="O12" s="20"/>
      <c r="P12" s="19"/>
      <c r="Q12" s="19"/>
      <c r="R12" s="19"/>
      <c r="S12" s="21"/>
      <c r="T12" s="33"/>
      <c r="U12" s="19"/>
      <c r="V12" s="19"/>
      <c r="W12" s="30"/>
      <c r="X12" s="30"/>
      <c r="Y12" s="20"/>
      <c r="Z12" s="19"/>
      <c r="AA12" s="19"/>
      <c r="AB12" s="19"/>
      <c r="AC12" s="45"/>
      <c r="AD12" s="40"/>
      <c r="AE12" s="44"/>
      <c r="AF12" s="44"/>
      <c r="AG12" s="44"/>
      <c r="AH12" s="50"/>
      <c r="AI12" s="51"/>
      <c r="AJ12" s="19"/>
      <c r="AK12" s="19"/>
      <c r="AL12" s="30"/>
      <c r="AM12" s="21"/>
      <c r="AN12" s="33"/>
      <c r="AO12" s="19"/>
      <c r="AP12" s="19"/>
      <c r="AQ12" s="19"/>
      <c r="AR12" s="30"/>
      <c r="AS12" s="20"/>
      <c r="AT12" s="19"/>
      <c r="AU12" s="19"/>
      <c r="AV12" s="30"/>
      <c r="AW12" s="21"/>
      <c r="AX12" s="33"/>
      <c r="AY12" s="19"/>
      <c r="AZ12" s="19"/>
      <c r="BA12" s="44"/>
      <c r="BB12" s="50"/>
      <c r="BC12" s="51"/>
      <c r="BD12" s="44"/>
      <c r="BE12" s="19"/>
      <c r="BF12" s="19"/>
      <c r="BG12" s="21"/>
      <c r="BH12" s="33"/>
      <c r="BI12" s="19"/>
      <c r="BJ12" s="19"/>
      <c r="BK12" s="30"/>
      <c r="BL12" s="30"/>
      <c r="BM12" s="20"/>
      <c r="BN12" s="19"/>
      <c r="BO12" s="44"/>
      <c r="BP12" s="50"/>
      <c r="BQ12" s="45"/>
    </row>
    <row r="13" spans="1:69" s="16" customFormat="1" ht="16" customHeight="1" x14ac:dyDescent="0.2">
      <c r="B13" s="686"/>
      <c r="C13" s="695" t="s">
        <v>304</v>
      </c>
      <c r="D13" s="696"/>
      <c r="E13" s="696"/>
      <c r="F13" s="696"/>
      <c r="G13" s="697"/>
      <c r="H13" s="457"/>
      <c r="I13" s="458"/>
      <c r="J13" s="40"/>
      <c r="K13" s="19"/>
      <c r="L13" s="19"/>
      <c r="M13" s="30"/>
      <c r="N13" s="30"/>
      <c r="O13" s="20"/>
      <c r="P13" s="19"/>
      <c r="Q13" s="19"/>
      <c r="R13" s="19"/>
      <c r="S13" s="21"/>
      <c r="T13" s="33"/>
      <c r="U13" s="19"/>
      <c r="V13" s="19"/>
      <c r="W13" s="30"/>
      <c r="X13" s="30"/>
      <c r="Y13" s="20"/>
      <c r="Z13" s="19"/>
      <c r="AA13" s="19"/>
      <c r="AB13" s="19"/>
      <c r="AC13" s="45"/>
      <c r="AD13" s="40"/>
      <c r="AE13" s="44"/>
      <c r="AF13" s="44"/>
      <c r="AG13" s="44"/>
      <c r="AH13" s="50"/>
      <c r="AI13" s="51"/>
      <c r="AJ13" s="19"/>
      <c r="AK13" s="19"/>
      <c r="AL13" s="30"/>
      <c r="AM13" s="21"/>
      <c r="AN13" s="33"/>
      <c r="AO13" s="19"/>
      <c r="AP13" s="19"/>
      <c r="AQ13" s="19"/>
      <c r="AR13" s="30"/>
      <c r="AS13" s="20"/>
      <c r="AT13" s="19"/>
      <c r="AU13" s="19"/>
      <c r="AV13" s="30"/>
      <c r="AW13" s="21"/>
      <c r="AX13" s="33"/>
      <c r="AY13" s="19"/>
      <c r="AZ13" s="19"/>
      <c r="BA13" s="44"/>
      <c r="BB13" s="50"/>
      <c r="BC13" s="51"/>
      <c r="BD13" s="44"/>
      <c r="BE13" s="19"/>
      <c r="BF13" s="19"/>
      <c r="BG13" s="21"/>
      <c r="BH13" s="33"/>
      <c r="BI13" s="19"/>
      <c r="BJ13" s="19"/>
      <c r="BK13" s="30"/>
      <c r="BL13" s="30"/>
      <c r="BM13" s="20"/>
      <c r="BN13" s="19"/>
      <c r="BO13" s="44"/>
      <c r="BP13" s="50"/>
      <c r="BQ13" s="45"/>
    </row>
    <row r="14" spans="1:69" s="16" customFormat="1" ht="16" customHeight="1" x14ac:dyDescent="0.2">
      <c r="B14" s="686"/>
      <c r="C14" s="698" t="s">
        <v>305</v>
      </c>
      <c r="D14" s="696"/>
      <c r="E14" s="696"/>
      <c r="F14" s="696"/>
      <c r="G14" s="697"/>
      <c r="H14" s="457"/>
      <c r="I14" s="458"/>
      <c r="J14" s="40"/>
      <c r="K14" s="19"/>
      <c r="L14" s="19"/>
      <c r="M14" s="30"/>
      <c r="N14" s="30"/>
      <c r="O14" s="20"/>
      <c r="P14" s="19"/>
      <c r="Q14" s="19"/>
      <c r="R14" s="19"/>
      <c r="S14" s="21"/>
      <c r="T14" s="33"/>
      <c r="U14" s="19"/>
      <c r="V14" s="19"/>
      <c r="W14" s="30"/>
      <c r="X14" s="30"/>
      <c r="Y14" s="20"/>
      <c r="Z14" s="19"/>
      <c r="AA14" s="19"/>
      <c r="AB14" s="19"/>
      <c r="AC14" s="45"/>
      <c r="AD14" s="40"/>
      <c r="AE14" s="44"/>
      <c r="AF14" s="44"/>
      <c r="AG14" s="44"/>
      <c r="AH14" s="50"/>
      <c r="AI14" s="51"/>
      <c r="AJ14" s="19"/>
      <c r="AK14" s="19"/>
      <c r="AL14" s="30"/>
      <c r="AM14" s="21"/>
      <c r="AN14" s="33"/>
      <c r="AO14" s="19"/>
      <c r="AP14" s="19"/>
      <c r="AQ14" s="19"/>
      <c r="AR14" s="30"/>
      <c r="AS14" s="20"/>
      <c r="AT14" s="19"/>
      <c r="AU14" s="19"/>
      <c r="AV14" s="30"/>
      <c r="AW14" s="21"/>
      <c r="AX14" s="33"/>
      <c r="AY14" s="19"/>
      <c r="AZ14" s="19"/>
      <c r="BA14" s="44"/>
      <c r="BB14" s="50"/>
      <c r="BC14" s="51"/>
      <c r="BD14" s="44"/>
      <c r="BE14" s="19"/>
      <c r="BF14" s="19"/>
      <c r="BG14" s="21"/>
      <c r="BH14" s="33"/>
      <c r="BI14" s="19"/>
      <c r="BJ14" s="19"/>
      <c r="BK14" s="30"/>
      <c r="BL14" s="30"/>
      <c r="BM14" s="20"/>
      <c r="BN14" s="19"/>
      <c r="BO14" s="44"/>
      <c r="BP14" s="50"/>
      <c r="BQ14" s="45"/>
    </row>
    <row r="15" spans="1:69" s="16" customFormat="1" ht="16" customHeight="1" x14ac:dyDescent="0.2">
      <c r="B15" s="686"/>
      <c r="C15" s="699" t="s">
        <v>306</v>
      </c>
      <c r="D15" s="696"/>
      <c r="E15" s="696"/>
      <c r="F15" s="696"/>
      <c r="G15" s="697"/>
      <c r="H15" s="457"/>
      <c r="I15" s="458"/>
      <c r="J15" s="40"/>
      <c r="K15" s="19"/>
      <c r="L15" s="19"/>
      <c r="M15" s="30"/>
      <c r="N15" s="30"/>
      <c r="O15" s="20"/>
      <c r="P15" s="19"/>
      <c r="Q15" s="19"/>
      <c r="R15" s="19"/>
      <c r="S15" s="21"/>
      <c r="T15" s="33"/>
      <c r="U15" s="19"/>
      <c r="V15" s="19"/>
      <c r="W15" s="30"/>
      <c r="X15" s="30"/>
      <c r="Y15" s="20"/>
      <c r="Z15" s="19"/>
      <c r="AA15" s="19"/>
      <c r="AB15" s="19"/>
      <c r="AC15" s="45"/>
      <c r="AD15" s="40"/>
      <c r="AE15" s="44"/>
      <c r="AF15" s="44"/>
      <c r="AG15" s="44"/>
      <c r="AH15" s="50"/>
      <c r="AI15" s="51"/>
      <c r="AJ15" s="19"/>
      <c r="AK15" s="19"/>
      <c r="AL15" s="30"/>
      <c r="AM15" s="21"/>
      <c r="AN15" s="33"/>
      <c r="AO15" s="19"/>
      <c r="AP15" s="19"/>
      <c r="AQ15" s="19"/>
      <c r="AR15" s="30"/>
      <c r="AS15" s="20"/>
      <c r="AT15" s="19"/>
      <c r="AU15" s="19"/>
      <c r="AV15" s="30"/>
      <c r="AW15" s="21"/>
      <c r="AX15" s="33"/>
      <c r="AY15" s="19"/>
      <c r="AZ15" s="19"/>
      <c r="BA15" s="44"/>
      <c r="BB15" s="50"/>
      <c r="BC15" s="51"/>
      <c r="BD15" s="44"/>
      <c r="BE15" s="19"/>
      <c r="BF15" s="19"/>
      <c r="BG15" s="21"/>
      <c r="BH15" s="33"/>
      <c r="BI15" s="19"/>
      <c r="BJ15" s="19"/>
      <c r="BK15" s="30"/>
      <c r="BL15" s="30"/>
      <c r="BM15" s="20"/>
      <c r="BN15" s="19"/>
      <c r="BO15" s="44"/>
      <c r="BP15" s="50"/>
      <c r="BQ15" s="45"/>
    </row>
    <row r="16" spans="1:69" s="16" customFormat="1" ht="16" customHeight="1" x14ac:dyDescent="0.2">
      <c r="B16" s="686"/>
      <c r="C16" s="699" t="s">
        <v>307</v>
      </c>
      <c r="D16" s="696"/>
      <c r="E16" s="696"/>
      <c r="F16" s="696"/>
      <c r="G16" s="697"/>
      <c r="H16" s="457"/>
      <c r="I16" s="458"/>
      <c r="J16" s="40"/>
      <c r="K16" s="19"/>
      <c r="L16" s="19"/>
      <c r="M16" s="30"/>
      <c r="N16" s="30"/>
      <c r="O16" s="20"/>
      <c r="P16" s="19"/>
      <c r="Q16" s="19"/>
      <c r="R16" s="19"/>
      <c r="S16" s="21"/>
      <c r="T16" s="33"/>
      <c r="U16" s="19"/>
      <c r="V16" s="19"/>
      <c r="W16" s="30"/>
      <c r="X16" s="30"/>
      <c r="Y16" s="20"/>
      <c r="Z16" s="19"/>
      <c r="AA16" s="19"/>
      <c r="AB16" s="19"/>
      <c r="AC16" s="45"/>
      <c r="AD16" s="40"/>
      <c r="AE16" s="44"/>
      <c r="AF16" s="44"/>
      <c r="AG16" s="44"/>
      <c r="AH16" s="50"/>
      <c r="AI16" s="51"/>
      <c r="AJ16" s="19"/>
      <c r="AK16" s="19"/>
      <c r="AL16" s="30"/>
      <c r="AM16" s="21"/>
      <c r="AN16" s="33"/>
      <c r="AO16" s="19"/>
      <c r="AP16" s="19"/>
      <c r="AQ16" s="19"/>
      <c r="AR16" s="30"/>
      <c r="AS16" s="20"/>
      <c r="AT16" s="19"/>
      <c r="AU16" s="19"/>
      <c r="AV16" s="30"/>
      <c r="AW16" s="21"/>
      <c r="AX16" s="33"/>
      <c r="AY16" s="19"/>
      <c r="AZ16" s="19"/>
      <c r="BA16" s="44"/>
      <c r="BB16" s="50"/>
      <c r="BC16" s="51"/>
      <c r="BD16" s="44"/>
      <c r="BE16" s="19"/>
      <c r="BF16" s="19"/>
      <c r="BG16" s="21"/>
      <c r="BH16" s="33"/>
      <c r="BI16" s="19"/>
      <c r="BJ16" s="19"/>
      <c r="BK16" s="30"/>
      <c r="BL16" s="30"/>
      <c r="BM16" s="20"/>
      <c r="BN16" s="19"/>
      <c r="BO16" s="44"/>
      <c r="BP16" s="50"/>
      <c r="BQ16" s="45"/>
    </row>
    <row r="17" spans="2:69" s="16" customFormat="1" ht="16" customHeight="1" x14ac:dyDescent="0.2">
      <c r="B17" s="686"/>
      <c r="C17" s="699" t="s">
        <v>308</v>
      </c>
      <c r="D17" s="696"/>
      <c r="E17" s="696"/>
      <c r="F17" s="696"/>
      <c r="G17" s="697"/>
      <c r="H17" s="457"/>
      <c r="I17" s="458"/>
      <c r="J17" s="40"/>
      <c r="K17" s="19"/>
      <c r="L17" s="19"/>
      <c r="M17" s="30"/>
      <c r="N17" s="30"/>
      <c r="O17" s="20"/>
      <c r="P17" s="19"/>
      <c r="Q17" s="19"/>
      <c r="R17" s="19"/>
      <c r="S17" s="21"/>
      <c r="T17" s="33"/>
      <c r="U17" s="19"/>
      <c r="V17" s="19"/>
      <c r="W17" s="30"/>
      <c r="X17" s="30"/>
      <c r="Y17" s="20"/>
      <c r="Z17" s="19"/>
      <c r="AA17" s="19"/>
      <c r="AB17" s="19"/>
      <c r="AC17" s="45"/>
      <c r="AD17" s="40"/>
      <c r="AE17" s="44"/>
      <c r="AF17" s="44"/>
      <c r="AG17" s="44"/>
      <c r="AH17" s="50"/>
      <c r="AI17" s="51"/>
      <c r="AJ17" s="19"/>
      <c r="AK17" s="19"/>
      <c r="AL17" s="30"/>
      <c r="AM17" s="21"/>
      <c r="AN17" s="33"/>
      <c r="AO17" s="19"/>
      <c r="AP17" s="19"/>
      <c r="AQ17" s="19"/>
      <c r="AR17" s="30"/>
      <c r="AS17" s="20"/>
      <c r="AT17" s="19"/>
      <c r="AU17" s="19"/>
      <c r="AV17" s="30"/>
      <c r="AW17" s="21"/>
      <c r="AX17" s="33"/>
      <c r="AY17" s="19"/>
      <c r="AZ17" s="19"/>
      <c r="BA17" s="44"/>
      <c r="BB17" s="50"/>
      <c r="BC17" s="51"/>
      <c r="BD17" s="44"/>
      <c r="BE17" s="19"/>
      <c r="BF17" s="19"/>
      <c r="BG17" s="21"/>
      <c r="BH17" s="33"/>
      <c r="BI17" s="19"/>
      <c r="BJ17" s="19"/>
      <c r="BK17" s="30"/>
      <c r="BL17" s="30"/>
      <c r="BM17" s="20"/>
      <c r="BN17" s="19"/>
      <c r="BO17" s="44"/>
      <c r="BP17" s="50"/>
      <c r="BQ17" s="45"/>
    </row>
    <row r="18" spans="2:69" s="16" customFormat="1" ht="16" customHeight="1" x14ac:dyDescent="0.2">
      <c r="B18" s="686"/>
      <c r="C18" s="700" t="s">
        <v>309</v>
      </c>
      <c r="D18" s="696"/>
      <c r="E18" s="696"/>
      <c r="F18" s="696"/>
      <c r="G18" s="697"/>
      <c r="H18" s="457"/>
      <c r="I18" s="458"/>
      <c r="J18" s="40"/>
      <c r="K18" s="19"/>
      <c r="L18" s="19"/>
      <c r="M18" s="30"/>
      <c r="N18" s="30"/>
      <c r="O18" s="20"/>
      <c r="P18" s="19"/>
      <c r="Q18" s="19"/>
      <c r="R18" s="19"/>
      <c r="S18" s="21"/>
      <c r="T18" s="33"/>
      <c r="U18" s="19"/>
      <c r="V18" s="19"/>
      <c r="W18" s="30"/>
      <c r="X18" s="30"/>
      <c r="Y18" s="20"/>
      <c r="Z18" s="19"/>
      <c r="AA18" s="19"/>
      <c r="AB18" s="19"/>
      <c r="AC18" s="45"/>
      <c r="AD18" s="40"/>
      <c r="AE18" s="44"/>
      <c r="AF18" s="44"/>
      <c r="AG18" s="44"/>
      <c r="AH18" s="50"/>
      <c r="AI18" s="51"/>
      <c r="AJ18" s="19"/>
      <c r="AK18" s="19"/>
      <c r="AL18" s="30"/>
      <c r="AM18" s="21"/>
      <c r="AN18" s="33"/>
      <c r="AO18" s="19"/>
      <c r="AP18" s="19"/>
      <c r="AQ18" s="19"/>
      <c r="AR18" s="30"/>
      <c r="AS18" s="20"/>
      <c r="AT18" s="19"/>
      <c r="AU18" s="19"/>
      <c r="AV18" s="30"/>
      <c r="AW18" s="21"/>
      <c r="AX18" s="33"/>
      <c r="AY18" s="19"/>
      <c r="AZ18" s="19"/>
      <c r="BA18" s="44"/>
      <c r="BB18" s="50"/>
      <c r="BC18" s="51"/>
      <c r="BD18" s="44"/>
      <c r="BE18" s="19"/>
      <c r="BF18" s="19"/>
      <c r="BG18" s="21"/>
      <c r="BH18" s="33"/>
      <c r="BI18" s="19"/>
      <c r="BJ18" s="19"/>
      <c r="BK18" s="30"/>
      <c r="BL18" s="30"/>
      <c r="BM18" s="20"/>
      <c r="BN18" s="19"/>
      <c r="BO18" s="44"/>
      <c r="BP18" s="50"/>
      <c r="BQ18" s="45"/>
    </row>
    <row r="19" spans="2:69" s="16" customFormat="1" ht="16" customHeight="1" x14ac:dyDescent="0.2">
      <c r="B19" s="686"/>
      <c r="C19" s="701" t="s">
        <v>310</v>
      </c>
      <c r="D19" s="696"/>
      <c r="E19" s="696"/>
      <c r="F19" s="696"/>
      <c r="G19" s="697"/>
      <c r="H19" s="457"/>
      <c r="I19" s="458"/>
      <c r="J19" s="40"/>
      <c r="K19" s="19"/>
      <c r="L19" s="19"/>
      <c r="M19" s="30"/>
      <c r="N19" s="30"/>
      <c r="O19" s="20"/>
      <c r="P19" s="19"/>
      <c r="Q19" s="19"/>
      <c r="R19" s="19"/>
      <c r="S19" s="21"/>
      <c r="T19" s="33"/>
      <c r="U19" s="19"/>
      <c r="V19" s="19"/>
      <c r="W19" s="30"/>
      <c r="X19" s="30"/>
      <c r="Y19" s="20"/>
      <c r="Z19" s="19"/>
      <c r="AA19" s="19"/>
      <c r="AB19" s="19"/>
      <c r="AC19" s="45"/>
      <c r="AD19" s="40"/>
      <c r="AE19" s="44"/>
      <c r="AF19" s="44"/>
      <c r="AG19" s="44"/>
      <c r="AH19" s="50"/>
      <c r="AI19" s="51"/>
      <c r="AJ19" s="19"/>
      <c r="AK19" s="19"/>
      <c r="AL19" s="30"/>
      <c r="AM19" s="21"/>
      <c r="AN19" s="33"/>
      <c r="AO19" s="19"/>
      <c r="AP19" s="19"/>
      <c r="AQ19" s="19"/>
      <c r="AR19" s="30"/>
      <c r="AS19" s="20"/>
      <c r="AT19" s="19"/>
      <c r="AU19" s="19"/>
      <c r="AV19" s="30"/>
      <c r="AW19" s="21"/>
      <c r="AX19" s="33"/>
      <c r="AY19" s="19"/>
      <c r="AZ19" s="19"/>
      <c r="BA19" s="44"/>
      <c r="BB19" s="50"/>
      <c r="BC19" s="51"/>
      <c r="BD19" s="44"/>
      <c r="BE19" s="19"/>
      <c r="BF19" s="19"/>
      <c r="BG19" s="21"/>
      <c r="BH19" s="33"/>
      <c r="BI19" s="19"/>
      <c r="BJ19" s="19"/>
      <c r="BK19" s="30"/>
      <c r="BL19" s="30"/>
      <c r="BM19" s="20"/>
      <c r="BN19" s="19"/>
      <c r="BO19" s="44"/>
      <c r="BP19" s="50"/>
      <c r="BQ19" s="45"/>
    </row>
    <row r="20" spans="2:69" s="16" customFormat="1" ht="16" customHeight="1" x14ac:dyDescent="0.2">
      <c r="B20" s="686"/>
      <c r="C20" s="699" t="s">
        <v>311</v>
      </c>
      <c r="D20" s="696"/>
      <c r="E20" s="696"/>
      <c r="F20" s="696"/>
      <c r="G20" s="697"/>
      <c r="H20" s="457"/>
      <c r="I20" s="458"/>
      <c r="J20" s="40"/>
      <c r="K20" s="19"/>
      <c r="L20" s="19"/>
      <c r="M20" s="30"/>
      <c r="N20" s="30"/>
      <c r="O20" s="20"/>
      <c r="P20" s="19"/>
      <c r="Q20" s="19"/>
      <c r="R20" s="19"/>
      <c r="S20" s="21"/>
      <c r="T20" s="33"/>
      <c r="U20" s="19"/>
      <c r="V20" s="19"/>
      <c r="W20" s="30"/>
      <c r="X20" s="30"/>
      <c r="Y20" s="20"/>
      <c r="Z20" s="19"/>
      <c r="AA20" s="19"/>
      <c r="AB20" s="19"/>
      <c r="AC20" s="45"/>
      <c r="AD20" s="40"/>
      <c r="AE20" s="44"/>
      <c r="AF20" s="44"/>
      <c r="AG20" s="44"/>
      <c r="AH20" s="50"/>
      <c r="AI20" s="51"/>
      <c r="AJ20" s="19"/>
      <c r="AK20" s="19"/>
      <c r="AL20" s="30"/>
      <c r="AM20" s="21"/>
      <c r="AN20" s="33"/>
      <c r="AO20" s="19"/>
      <c r="AP20" s="19"/>
      <c r="AQ20" s="19"/>
      <c r="AR20" s="30"/>
      <c r="AS20" s="20"/>
      <c r="AT20" s="19"/>
      <c r="AU20" s="19"/>
      <c r="AV20" s="30"/>
      <c r="AW20" s="21"/>
      <c r="AX20" s="33"/>
      <c r="AY20" s="19"/>
      <c r="AZ20" s="19"/>
      <c r="BA20" s="44"/>
      <c r="BB20" s="50"/>
      <c r="BC20" s="51"/>
      <c r="BD20" s="44"/>
      <c r="BE20" s="19"/>
      <c r="BF20" s="19"/>
      <c r="BG20" s="21"/>
      <c r="BH20" s="33"/>
      <c r="BI20" s="19"/>
      <c r="BJ20" s="19"/>
      <c r="BK20" s="30"/>
      <c r="BL20" s="30"/>
      <c r="BM20" s="20"/>
      <c r="BN20" s="19"/>
      <c r="BO20" s="44"/>
      <c r="BP20" s="50"/>
      <c r="BQ20" s="45"/>
    </row>
    <row r="21" spans="2:69" s="16" customFormat="1" ht="16" customHeight="1" x14ac:dyDescent="0.2">
      <c r="B21" s="686"/>
      <c r="C21" s="698" t="s">
        <v>312</v>
      </c>
      <c r="D21" s="696"/>
      <c r="E21" s="696"/>
      <c r="F21" s="696"/>
      <c r="G21" s="697"/>
      <c r="H21" s="457"/>
      <c r="I21" s="458"/>
      <c r="J21" s="40"/>
      <c r="K21" s="19"/>
      <c r="L21" s="19"/>
      <c r="M21" s="30"/>
      <c r="N21" s="30"/>
      <c r="O21" s="20"/>
      <c r="P21" s="19"/>
      <c r="Q21" s="19"/>
      <c r="R21" s="19"/>
      <c r="S21" s="21"/>
      <c r="T21" s="33"/>
      <c r="U21" s="19"/>
      <c r="V21" s="19"/>
      <c r="W21" s="30"/>
      <c r="X21" s="30"/>
      <c r="Y21" s="20"/>
      <c r="Z21" s="19"/>
      <c r="AA21" s="19"/>
      <c r="AB21" s="19"/>
      <c r="AC21" s="45"/>
      <c r="AD21" s="40"/>
      <c r="AE21" s="44"/>
      <c r="AF21" s="44"/>
      <c r="AG21" s="44"/>
      <c r="AH21" s="50"/>
      <c r="AI21" s="51"/>
      <c r="AJ21" s="19"/>
      <c r="AK21" s="19"/>
      <c r="AL21" s="30"/>
      <c r="AM21" s="21"/>
      <c r="AN21" s="33"/>
      <c r="AO21" s="19"/>
      <c r="AP21" s="19"/>
      <c r="AQ21" s="19"/>
      <c r="AR21" s="30"/>
      <c r="AS21" s="20"/>
      <c r="AT21" s="19"/>
      <c r="AU21" s="19"/>
      <c r="AV21" s="30"/>
      <c r="AW21" s="21"/>
      <c r="AX21" s="33"/>
      <c r="AY21" s="19"/>
      <c r="AZ21" s="19"/>
      <c r="BA21" s="44"/>
      <c r="BB21" s="50"/>
      <c r="BC21" s="51"/>
      <c r="BD21" s="44"/>
      <c r="BE21" s="19"/>
      <c r="BF21" s="19"/>
      <c r="BG21" s="21"/>
      <c r="BH21" s="33"/>
      <c r="BI21" s="19"/>
      <c r="BJ21" s="19"/>
      <c r="BK21" s="30"/>
      <c r="BL21" s="30"/>
      <c r="BM21" s="20"/>
      <c r="BN21" s="19"/>
      <c r="BO21" s="44"/>
      <c r="BP21" s="50"/>
      <c r="BQ21" s="45"/>
    </row>
    <row r="22" spans="2:69" s="16" customFormat="1" ht="16" customHeight="1" x14ac:dyDescent="0.2">
      <c r="B22" s="686"/>
      <c r="C22" s="698" t="s">
        <v>313</v>
      </c>
      <c r="D22" s="696"/>
      <c r="E22" s="696"/>
      <c r="F22" s="696"/>
      <c r="G22" s="697"/>
      <c r="H22" s="457"/>
      <c r="I22" s="458"/>
      <c r="J22" s="40"/>
      <c r="K22" s="19"/>
      <c r="L22" s="19"/>
      <c r="M22" s="30"/>
      <c r="N22" s="30"/>
      <c r="O22" s="20"/>
      <c r="P22" s="19"/>
      <c r="Q22" s="19"/>
      <c r="R22" s="19"/>
      <c r="S22" s="21"/>
      <c r="T22" s="33"/>
      <c r="U22" s="19"/>
      <c r="V22" s="19"/>
      <c r="W22" s="30"/>
      <c r="X22" s="30"/>
      <c r="Y22" s="20"/>
      <c r="Z22" s="19"/>
      <c r="AA22" s="19"/>
      <c r="AB22" s="19"/>
      <c r="AC22" s="45"/>
      <c r="AD22" s="40"/>
      <c r="AE22" s="44"/>
      <c r="AF22" s="44"/>
      <c r="AG22" s="44"/>
      <c r="AH22" s="50"/>
      <c r="AI22" s="51"/>
      <c r="AJ22" s="19"/>
      <c r="AK22" s="19"/>
      <c r="AL22" s="30"/>
      <c r="AM22" s="21"/>
      <c r="AN22" s="33"/>
      <c r="AO22" s="19"/>
      <c r="AP22" s="19"/>
      <c r="AQ22" s="19"/>
      <c r="AR22" s="30"/>
      <c r="AS22" s="20"/>
      <c r="AT22" s="19"/>
      <c r="AU22" s="19"/>
      <c r="AV22" s="30"/>
      <c r="AW22" s="21"/>
      <c r="AX22" s="33"/>
      <c r="AY22" s="19"/>
      <c r="AZ22" s="19"/>
      <c r="BA22" s="44"/>
      <c r="BB22" s="50"/>
      <c r="BC22" s="51"/>
      <c r="BD22" s="44"/>
      <c r="BE22" s="19"/>
      <c r="BF22" s="19"/>
      <c r="BG22" s="21"/>
      <c r="BH22" s="33"/>
      <c r="BI22" s="19"/>
      <c r="BJ22" s="19"/>
      <c r="BK22" s="30"/>
      <c r="BL22" s="30"/>
      <c r="BM22" s="20"/>
      <c r="BN22" s="19"/>
      <c r="BO22" s="44"/>
      <c r="BP22" s="50"/>
      <c r="BQ22" s="45"/>
    </row>
    <row r="23" spans="2:69" s="16" customFormat="1" ht="16" customHeight="1" x14ac:dyDescent="0.2">
      <c r="B23" s="686"/>
      <c r="C23" s="699" t="s">
        <v>314</v>
      </c>
      <c r="D23" s="696"/>
      <c r="E23" s="696"/>
      <c r="F23" s="696"/>
      <c r="G23" s="697"/>
      <c r="H23" s="457"/>
      <c r="I23" s="458"/>
      <c r="J23" s="40"/>
      <c r="K23" s="19"/>
      <c r="L23" s="19"/>
      <c r="M23" s="30"/>
      <c r="N23" s="30"/>
      <c r="O23" s="20"/>
      <c r="P23" s="19"/>
      <c r="Q23" s="19"/>
      <c r="R23" s="19"/>
      <c r="S23" s="21"/>
      <c r="T23" s="33"/>
      <c r="U23" s="19"/>
      <c r="V23" s="19"/>
      <c r="W23" s="30"/>
      <c r="X23" s="30"/>
      <c r="Y23" s="20"/>
      <c r="Z23" s="19"/>
      <c r="AA23" s="19"/>
      <c r="AB23" s="19"/>
      <c r="AC23" s="45"/>
      <c r="AD23" s="40"/>
      <c r="AE23" s="44"/>
      <c r="AF23" s="44"/>
      <c r="AG23" s="44"/>
      <c r="AH23" s="50"/>
      <c r="AI23" s="51"/>
      <c r="AJ23" s="19"/>
      <c r="AK23" s="19"/>
      <c r="AL23" s="30"/>
      <c r="AM23" s="21"/>
      <c r="AN23" s="33"/>
      <c r="AO23" s="19"/>
      <c r="AP23" s="19"/>
      <c r="AQ23" s="19"/>
      <c r="AR23" s="30"/>
      <c r="AS23" s="20"/>
      <c r="AT23" s="19"/>
      <c r="AU23" s="19"/>
      <c r="AV23" s="30"/>
      <c r="AW23" s="21"/>
      <c r="AX23" s="33"/>
      <c r="AY23" s="19"/>
      <c r="AZ23" s="19"/>
      <c r="BA23" s="44"/>
      <c r="BB23" s="50"/>
      <c r="BC23" s="51"/>
      <c r="BD23" s="44"/>
      <c r="BE23" s="19"/>
      <c r="BF23" s="19"/>
      <c r="BG23" s="21"/>
      <c r="BH23" s="33"/>
      <c r="BI23" s="19"/>
      <c r="BJ23" s="19"/>
      <c r="BK23" s="30"/>
      <c r="BL23" s="30"/>
      <c r="BM23" s="20"/>
      <c r="BN23" s="19"/>
      <c r="BO23" s="44"/>
      <c r="BP23" s="50"/>
      <c r="BQ23" s="45"/>
    </row>
    <row r="24" spans="2:69" s="16" customFormat="1" ht="16" customHeight="1" x14ac:dyDescent="0.2">
      <c r="B24" s="686"/>
      <c r="C24" s="699" t="s">
        <v>315</v>
      </c>
      <c r="D24" s="696"/>
      <c r="E24" s="696"/>
      <c r="F24" s="696"/>
      <c r="G24" s="697"/>
      <c r="H24" s="457"/>
      <c r="I24" s="458"/>
      <c r="J24" s="40"/>
      <c r="K24" s="19"/>
      <c r="L24" s="19"/>
      <c r="M24" s="30"/>
      <c r="N24" s="30"/>
      <c r="O24" s="20"/>
      <c r="P24" s="19"/>
      <c r="Q24" s="19"/>
      <c r="R24" s="19"/>
      <c r="S24" s="21"/>
      <c r="T24" s="33"/>
      <c r="U24" s="19"/>
      <c r="V24" s="19"/>
      <c r="W24" s="30"/>
      <c r="X24" s="30"/>
      <c r="Y24" s="20"/>
      <c r="Z24" s="19"/>
      <c r="AA24" s="19"/>
      <c r="AB24" s="19"/>
      <c r="AC24" s="45"/>
      <c r="AD24" s="40"/>
      <c r="AE24" s="44"/>
      <c r="AF24" s="44"/>
      <c r="AG24" s="44"/>
      <c r="AH24" s="50"/>
      <c r="AI24" s="51"/>
      <c r="AJ24" s="19"/>
      <c r="AK24" s="19"/>
      <c r="AL24" s="30"/>
      <c r="AM24" s="21"/>
      <c r="AN24" s="33"/>
      <c r="AO24" s="19"/>
      <c r="AP24" s="19"/>
      <c r="AQ24" s="19"/>
      <c r="AR24" s="30"/>
      <c r="AS24" s="20"/>
      <c r="AT24" s="19"/>
      <c r="AU24" s="19"/>
      <c r="AV24" s="30"/>
      <c r="AW24" s="21"/>
      <c r="AX24" s="33"/>
      <c r="AY24" s="19"/>
      <c r="AZ24" s="19"/>
      <c r="BA24" s="44"/>
      <c r="BB24" s="50"/>
      <c r="BC24" s="51"/>
      <c r="BD24" s="44"/>
      <c r="BE24" s="19"/>
      <c r="BF24" s="19"/>
      <c r="BG24" s="21"/>
      <c r="BH24" s="33"/>
      <c r="BI24" s="19"/>
      <c r="BJ24" s="19"/>
      <c r="BK24" s="30"/>
      <c r="BL24" s="30"/>
      <c r="BM24" s="20"/>
      <c r="BN24" s="19"/>
      <c r="BO24" s="44"/>
      <c r="BP24" s="50"/>
      <c r="BQ24" s="45"/>
    </row>
    <row r="25" spans="2:69" s="16" customFormat="1" ht="16" customHeight="1" x14ac:dyDescent="0.2">
      <c r="B25" s="686"/>
      <c r="C25" s="701" t="s">
        <v>316</v>
      </c>
      <c r="D25" s="696"/>
      <c r="E25" s="696"/>
      <c r="F25" s="696"/>
      <c r="G25" s="697"/>
      <c r="H25" s="457"/>
      <c r="I25" s="458"/>
      <c r="J25" s="40"/>
      <c r="K25" s="19"/>
      <c r="L25" s="19"/>
      <c r="M25" s="30"/>
      <c r="N25" s="30"/>
      <c r="O25" s="20"/>
      <c r="P25" s="19"/>
      <c r="Q25" s="19"/>
      <c r="R25" s="19"/>
      <c r="S25" s="21"/>
      <c r="T25" s="33"/>
      <c r="U25" s="19"/>
      <c r="V25" s="19"/>
      <c r="W25" s="30"/>
      <c r="X25" s="30"/>
      <c r="Y25" s="20"/>
      <c r="Z25" s="19"/>
      <c r="AA25" s="19"/>
      <c r="AB25" s="19"/>
      <c r="AC25" s="45"/>
      <c r="AD25" s="40"/>
      <c r="AE25" s="44"/>
      <c r="AF25" s="44"/>
      <c r="AG25" s="44"/>
      <c r="AH25" s="50"/>
      <c r="AI25" s="51"/>
      <c r="AJ25" s="19"/>
      <c r="AK25" s="19"/>
      <c r="AL25" s="30"/>
      <c r="AM25" s="21"/>
      <c r="AN25" s="33"/>
      <c r="AO25" s="19"/>
      <c r="AP25" s="19"/>
      <c r="AQ25" s="19"/>
      <c r="AR25" s="30"/>
      <c r="AS25" s="20"/>
      <c r="AT25" s="19"/>
      <c r="AU25" s="19"/>
      <c r="AV25" s="30"/>
      <c r="AW25" s="21"/>
      <c r="AX25" s="33"/>
      <c r="AY25" s="19"/>
      <c r="AZ25" s="19"/>
      <c r="BA25" s="44"/>
      <c r="BB25" s="50"/>
      <c r="BC25" s="51"/>
      <c r="BD25" s="44"/>
      <c r="BE25" s="19"/>
      <c r="BF25" s="19"/>
      <c r="BG25" s="21"/>
      <c r="BH25" s="33"/>
      <c r="BI25" s="19"/>
      <c r="BJ25" s="19"/>
      <c r="BK25" s="30"/>
      <c r="BL25" s="30"/>
      <c r="BM25" s="20"/>
      <c r="BN25" s="19"/>
      <c r="BO25" s="44"/>
      <c r="BP25" s="50"/>
      <c r="BQ25" s="45"/>
    </row>
    <row r="26" spans="2:69" s="16" customFormat="1" ht="16" customHeight="1" x14ac:dyDescent="0.2">
      <c r="B26" s="686"/>
      <c r="C26" s="695" t="s">
        <v>317</v>
      </c>
      <c r="D26" s="696"/>
      <c r="E26" s="696"/>
      <c r="F26" s="696"/>
      <c r="G26" s="697"/>
      <c r="H26" s="457"/>
      <c r="I26" s="458"/>
      <c r="J26" s="40"/>
      <c r="K26" s="19"/>
      <c r="L26" s="19"/>
      <c r="M26" s="30"/>
      <c r="N26" s="30"/>
      <c r="O26" s="20"/>
      <c r="P26" s="19"/>
      <c r="Q26" s="19"/>
      <c r="R26" s="19"/>
      <c r="S26" s="21"/>
      <c r="T26" s="33"/>
      <c r="U26" s="19"/>
      <c r="V26" s="19"/>
      <c r="W26" s="30"/>
      <c r="X26" s="30"/>
      <c r="Y26" s="20"/>
      <c r="Z26" s="19"/>
      <c r="AA26" s="19"/>
      <c r="AB26" s="19"/>
      <c r="AC26" s="45"/>
      <c r="AD26" s="40"/>
      <c r="AE26" s="44"/>
      <c r="AF26" s="44"/>
      <c r="AG26" s="44"/>
      <c r="AH26" s="50"/>
      <c r="AI26" s="51"/>
      <c r="AJ26" s="19"/>
      <c r="AK26" s="19"/>
      <c r="AL26" s="30"/>
      <c r="AM26" s="21"/>
      <c r="AN26" s="33"/>
      <c r="AO26" s="19"/>
      <c r="AP26" s="19"/>
      <c r="AQ26" s="19"/>
      <c r="AR26" s="30"/>
      <c r="AS26" s="20"/>
      <c r="AT26" s="19"/>
      <c r="AU26" s="19"/>
      <c r="AV26" s="30"/>
      <c r="AW26" s="21"/>
      <c r="AX26" s="33"/>
      <c r="AY26" s="19"/>
      <c r="AZ26" s="19"/>
      <c r="BA26" s="44"/>
      <c r="BB26" s="50"/>
      <c r="BC26" s="51"/>
      <c r="BD26" s="44"/>
      <c r="BE26" s="19"/>
      <c r="BF26" s="19"/>
      <c r="BG26" s="21"/>
      <c r="BH26" s="33"/>
      <c r="BI26" s="19"/>
      <c r="BJ26" s="19"/>
      <c r="BK26" s="30"/>
      <c r="BL26" s="30"/>
      <c r="BM26" s="20"/>
      <c r="BN26" s="19"/>
      <c r="BO26" s="44"/>
      <c r="BP26" s="50"/>
      <c r="BQ26" s="45"/>
    </row>
    <row r="27" spans="2:69" s="16" customFormat="1" ht="16" customHeight="1" x14ac:dyDescent="0.2">
      <c r="B27" s="686"/>
      <c r="C27" s="695" t="s">
        <v>318</v>
      </c>
      <c r="D27" s="696"/>
      <c r="E27" s="696"/>
      <c r="F27" s="696"/>
      <c r="G27" s="697"/>
      <c r="H27" s="457"/>
      <c r="I27" s="458"/>
      <c r="J27" s="40"/>
      <c r="K27" s="19"/>
      <c r="L27" s="19"/>
      <c r="M27" s="30"/>
      <c r="N27" s="30"/>
      <c r="O27" s="20"/>
      <c r="P27" s="19"/>
      <c r="Q27" s="19"/>
      <c r="R27" s="19"/>
      <c r="S27" s="21"/>
      <c r="T27" s="33"/>
      <c r="U27" s="19"/>
      <c r="V27" s="19"/>
      <c r="W27" s="30"/>
      <c r="X27" s="30"/>
      <c r="Y27" s="20"/>
      <c r="Z27" s="19"/>
      <c r="AA27" s="19"/>
      <c r="AB27" s="19"/>
      <c r="AC27" s="45"/>
      <c r="AD27" s="40"/>
      <c r="AE27" s="44"/>
      <c r="AF27" s="44"/>
      <c r="AG27" s="44"/>
      <c r="AH27" s="50"/>
      <c r="AI27" s="51"/>
      <c r="AJ27" s="19"/>
      <c r="AK27" s="19"/>
      <c r="AL27" s="30"/>
      <c r="AM27" s="21"/>
      <c r="AN27" s="33"/>
      <c r="AO27" s="19"/>
      <c r="AP27" s="19"/>
      <c r="AQ27" s="19"/>
      <c r="AR27" s="30"/>
      <c r="AS27" s="20"/>
      <c r="AT27" s="19"/>
      <c r="AU27" s="19"/>
      <c r="AV27" s="30"/>
      <c r="AW27" s="21"/>
      <c r="AX27" s="33"/>
      <c r="AY27" s="19"/>
      <c r="AZ27" s="19"/>
      <c r="BA27" s="44"/>
      <c r="BB27" s="50"/>
      <c r="BC27" s="51"/>
      <c r="BD27" s="44"/>
      <c r="BE27" s="19"/>
      <c r="BF27" s="19"/>
      <c r="BG27" s="21"/>
      <c r="BH27" s="33"/>
      <c r="BI27" s="19"/>
      <c r="BJ27" s="19"/>
      <c r="BK27" s="30"/>
      <c r="BL27" s="30"/>
      <c r="BM27" s="20"/>
      <c r="BN27" s="19"/>
      <c r="BO27" s="44"/>
      <c r="BP27" s="50"/>
      <c r="BQ27" s="45"/>
    </row>
    <row r="28" spans="2:69" s="16" customFormat="1" ht="16" customHeight="1" x14ac:dyDescent="0.2">
      <c r="B28" s="686"/>
      <c r="C28" s="701" t="s">
        <v>319</v>
      </c>
      <c r="D28" s="696"/>
      <c r="E28" s="696"/>
      <c r="F28" s="696"/>
      <c r="G28" s="697"/>
      <c r="H28" s="457"/>
      <c r="I28" s="458"/>
      <c r="J28" s="40"/>
      <c r="K28" s="19"/>
      <c r="L28" s="19"/>
      <c r="M28" s="30"/>
      <c r="N28" s="30"/>
      <c r="O28" s="20"/>
      <c r="P28" s="19"/>
      <c r="Q28" s="19"/>
      <c r="R28" s="19"/>
      <c r="S28" s="21"/>
      <c r="T28" s="33"/>
      <c r="U28" s="19"/>
      <c r="V28" s="19"/>
      <c r="W28" s="30"/>
      <c r="X28" s="30"/>
      <c r="Y28" s="20"/>
      <c r="Z28" s="19"/>
      <c r="AA28" s="19"/>
      <c r="AB28" s="19"/>
      <c r="AC28" s="45"/>
      <c r="AD28" s="40"/>
      <c r="AE28" s="44"/>
      <c r="AF28" s="44"/>
      <c r="AG28" s="44"/>
      <c r="AH28" s="50"/>
      <c r="AI28" s="51"/>
      <c r="AJ28" s="19"/>
      <c r="AK28" s="19"/>
      <c r="AL28" s="30"/>
      <c r="AM28" s="21"/>
      <c r="AN28" s="33"/>
      <c r="AO28" s="19"/>
      <c r="AP28" s="19"/>
      <c r="AQ28" s="19"/>
      <c r="AR28" s="30"/>
      <c r="AS28" s="20"/>
      <c r="AT28" s="19"/>
      <c r="AU28" s="19"/>
      <c r="AV28" s="30"/>
      <c r="AW28" s="21"/>
      <c r="AX28" s="33"/>
      <c r="AY28" s="19"/>
      <c r="AZ28" s="19"/>
      <c r="BA28" s="44"/>
      <c r="BB28" s="50"/>
      <c r="BC28" s="51"/>
      <c r="BD28" s="44"/>
      <c r="BE28" s="19"/>
      <c r="BF28" s="19"/>
      <c r="BG28" s="21"/>
      <c r="BH28" s="33"/>
      <c r="BI28" s="19"/>
      <c r="BJ28" s="19"/>
      <c r="BK28" s="30"/>
      <c r="BL28" s="30"/>
      <c r="BM28" s="20"/>
      <c r="BN28" s="19"/>
      <c r="BO28" s="44"/>
      <c r="BP28" s="50"/>
      <c r="BQ28" s="45"/>
    </row>
    <row r="29" spans="2:69" s="16" customFormat="1" ht="16" customHeight="1" x14ac:dyDescent="0.2">
      <c r="B29" s="686"/>
      <c r="C29" s="695" t="s">
        <v>320</v>
      </c>
      <c r="D29" s="696"/>
      <c r="E29" s="696"/>
      <c r="F29" s="696"/>
      <c r="G29" s="697"/>
      <c r="H29" s="457"/>
      <c r="I29" s="458"/>
      <c r="J29" s="40"/>
      <c r="K29" s="19"/>
      <c r="L29" s="19"/>
      <c r="M29" s="30"/>
      <c r="N29" s="30"/>
      <c r="O29" s="20"/>
      <c r="P29" s="19"/>
      <c r="Q29" s="19"/>
      <c r="R29" s="19"/>
      <c r="S29" s="21"/>
      <c r="T29" s="33"/>
      <c r="U29" s="19"/>
      <c r="V29" s="19"/>
      <c r="W29" s="30"/>
      <c r="X29" s="30"/>
      <c r="Y29" s="20"/>
      <c r="Z29" s="19"/>
      <c r="AA29" s="19"/>
      <c r="AB29" s="19"/>
      <c r="AC29" s="45"/>
      <c r="AD29" s="40"/>
      <c r="AE29" s="44"/>
      <c r="AF29" s="44"/>
      <c r="AG29" s="44"/>
      <c r="AH29" s="50"/>
      <c r="AI29" s="51"/>
      <c r="AJ29" s="19"/>
      <c r="AK29" s="19"/>
      <c r="AL29" s="30"/>
      <c r="AM29" s="21"/>
      <c r="AN29" s="33"/>
      <c r="AO29" s="19"/>
      <c r="AP29" s="19"/>
      <c r="AQ29" s="19"/>
      <c r="AR29" s="30"/>
      <c r="AS29" s="20"/>
      <c r="AT29" s="19"/>
      <c r="AU29" s="19"/>
      <c r="AV29" s="30"/>
      <c r="AW29" s="21"/>
      <c r="AX29" s="33"/>
      <c r="AY29" s="19"/>
      <c r="AZ29" s="19"/>
      <c r="BA29" s="44"/>
      <c r="BB29" s="50"/>
      <c r="BC29" s="51"/>
      <c r="BD29" s="44"/>
      <c r="BE29" s="19"/>
      <c r="BF29" s="19"/>
      <c r="BG29" s="21"/>
      <c r="BH29" s="33"/>
      <c r="BI29" s="19"/>
      <c r="BJ29" s="19"/>
      <c r="BK29" s="30"/>
      <c r="BL29" s="30"/>
      <c r="BM29" s="20"/>
      <c r="BN29" s="19"/>
      <c r="BO29" s="44"/>
      <c r="BP29" s="50"/>
      <c r="BQ29" s="45"/>
    </row>
    <row r="30" spans="2:69" s="16" customFormat="1" ht="16" customHeight="1" x14ac:dyDescent="0.2">
      <c r="B30" s="686"/>
      <c r="C30" s="699" t="s">
        <v>321</v>
      </c>
      <c r="D30" s="696"/>
      <c r="E30" s="696"/>
      <c r="F30" s="696"/>
      <c r="G30" s="697"/>
      <c r="H30" s="455"/>
      <c r="I30" s="456"/>
      <c r="J30" s="40"/>
      <c r="K30" s="19"/>
      <c r="L30" s="19"/>
      <c r="M30" s="30"/>
      <c r="N30" s="30"/>
      <c r="O30" s="20"/>
      <c r="P30" s="19"/>
      <c r="Q30" s="19"/>
      <c r="R30" s="19"/>
      <c r="S30" s="21"/>
      <c r="T30" s="33"/>
      <c r="U30" s="19"/>
      <c r="V30" s="19"/>
      <c r="W30" s="30"/>
      <c r="X30" s="30"/>
      <c r="Y30" s="20"/>
      <c r="Z30" s="19"/>
      <c r="AA30" s="19"/>
      <c r="AB30" s="19"/>
      <c r="AC30" s="45"/>
      <c r="AD30" s="40"/>
      <c r="AE30" s="44"/>
      <c r="AF30" s="44"/>
      <c r="AG30" s="44"/>
      <c r="AH30" s="50"/>
      <c r="AI30" s="51"/>
      <c r="AJ30" s="19"/>
      <c r="AK30" s="19"/>
      <c r="AL30" s="30"/>
      <c r="AM30" s="21"/>
      <c r="AN30" s="33"/>
      <c r="AO30" s="19"/>
      <c r="AP30" s="19"/>
      <c r="AQ30" s="19"/>
      <c r="AR30" s="30"/>
      <c r="AS30" s="20"/>
      <c r="AT30" s="19"/>
      <c r="AU30" s="19"/>
      <c r="AV30" s="30"/>
      <c r="AW30" s="21"/>
      <c r="AX30" s="33"/>
      <c r="AY30" s="19"/>
      <c r="AZ30" s="19"/>
      <c r="BA30" s="44"/>
      <c r="BB30" s="50"/>
      <c r="BC30" s="51"/>
      <c r="BD30" s="44"/>
      <c r="BE30" s="19"/>
      <c r="BF30" s="19"/>
      <c r="BG30" s="21"/>
      <c r="BH30" s="33"/>
      <c r="BI30" s="19"/>
      <c r="BJ30" s="19"/>
      <c r="BK30" s="30"/>
      <c r="BL30" s="30"/>
      <c r="BM30" s="20"/>
      <c r="BN30" s="19"/>
      <c r="BO30" s="44"/>
      <c r="BP30" s="50"/>
      <c r="BQ30" s="45"/>
    </row>
    <row r="31" spans="2:69" s="16" customFormat="1" ht="16" customHeight="1" x14ac:dyDescent="0.2">
      <c r="B31" s="686"/>
      <c r="C31" s="695" t="s">
        <v>322</v>
      </c>
      <c r="D31" s="696"/>
      <c r="E31" s="696"/>
      <c r="F31" s="696"/>
      <c r="G31" s="697"/>
      <c r="H31" s="455"/>
      <c r="I31" s="456"/>
      <c r="J31" s="40"/>
      <c r="K31" s="19"/>
      <c r="L31" s="19"/>
      <c r="M31" s="30"/>
      <c r="N31" s="30"/>
      <c r="O31" s="20"/>
      <c r="P31" s="19"/>
      <c r="Q31" s="19"/>
      <c r="R31" s="19"/>
      <c r="S31" s="21"/>
      <c r="T31" s="33"/>
      <c r="U31" s="19"/>
      <c r="V31" s="19"/>
      <c r="W31" s="30"/>
      <c r="X31" s="30"/>
      <c r="Y31" s="20"/>
      <c r="Z31" s="19"/>
      <c r="AA31" s="19"/>
      <c r="AB31" s="19"/>
      <c r="AC31" s="45"/>
      <c r="AD31" s="40"/>
      <c r="AE31" s="44"/>
      <c r="AF31" s="44"/>
      <c r="AG31" s="44"/>
      <c r="AH31" s="50"/>
      <c r="AI31" s="51"/>
      <c r="AJ31" s="19"/>
      <c r="AK31" s="19"/>
      <c r="AL31" s="30"/>
      <c r="AM31" s="21"/>
      <c r="AN31" s="33"/>
      <c r="AO31" s="19"/>
      <c r="AP31" s="19"/>
      <c r="AQ31" s="19"/>
      <c r="AR31" s="30"/>
      <c r="AS31" s="20"/>
      <c r="AT31" s="19"/>
      <c r="AU31" s="19"/>
      <c r="AV31" s="30"/>
      <c r="AW31" s="21"/>
      <c r="AX31" s="33"/>
      <c r="AY31" s="19"/>
      <c r="AZ31" s="19"/>
      <c r="BA31" s="44"/>
      <c r="BB31" s="50"/>
      <c r="BC31" s="51"/>
      <c r="BD31" s="44"/>
      <c r="BE31" s="19"/>
      <c r="BF31" s="19"/>
      <c r="BG31" s="21"/>
      <c r="BH31" s="33"/>
      <c r="BI31" s="19"/>
      <c r="BJ31" s="19"/>
      <c r="BK31" s="30"/>
      <c r="BL31" s="30"/>
      <c r="BM31" s="20"/>
      <c r="BN31" s="19"/>
      <c r="BO31" s="44"/>
      <c r="BP31" s="50"/>
      <c r="BQ31" s="45"/>
    </row>
    <row r="32" spans="2:69" s="16" customFormat="1" ht="16" customHeight="1" x14ac:dyDescent="0.2">
      <c r="B32" s="686"/>
      <c r="C32" s="695" t="s">
        <v>323</v>
      </c>
      <c r="D32" s="696"/>
      <c r="E32" s="696"/>
      <c r="F32" s="696"/>
      <c r="G32" s="697"/>
      <c r="H32" s="457"/>
      <c r="I32" s="458"/>
      <c r="J32" s="40"/>
      <c r="K32" s="19"/>
      <c r="L32" s="19"/>
      <c r="M32" s="30"/>
      <c r="N32" s="30"/>
      <c r="O32" s="20"/>
      <c r="P32" s="19"/>
      <c r="Q32" s="19"/>
      <c r="R32" s="19"/>
      <c r="S32" s="21"/>
      <c r="T32" s="33"/>
      <c r="U32" s="19"/>
      <c r="V32" s="19"/>
      <c r="W32" s="30"/>
      <c r="X32" s="30"/>
      <c r="Y32" s="20"/>
      <c r="Z32" s="19"/>
      <c r="AA32" s="19"/>
      <c r="AB32" s="19"/>
      <c r="AC32" s="45"/>
      <c r="AD32" s="40"/>
      <c r="AE32" s="44"/>
      <c r="AF32" s="44"/>
      <c r="AG32" s="44"/>
      <c r="AH32" s="50"/>
      <c r="AI32" s="51"/>
      <c r="AJ32" s="19"/>
      <c r="AK32" s="19"/>
      <c r="AL32" s="30"/>
      <c r="AM32" s="21"/>
      <c r="AN32" s="33"/>
      <c r="AO32" s="19"/>
      <c r="AP32" s="19"/>
      <c r="AQ32" s="19"/>
      <c r="AR32" s="30"/>
      <c r="AS32" s="20"/>
      <c r="AT32" s="19"/>
      <c r="AU32" s="19"/>
      <c r="AV32" s="30"/>
      <c r="AW32" s="21"/>
      <c r="AX32" s="33"/>
      <c r="AY32" s="19"/>
      <c r="AZ32" s="19"/>
      <c r="BA32" s="44"/>
      <c r="BB32" s="50"/>
      <c r="BC32" s="51"/>
      <c r="BD32" s="44"/>
      <c r="BE32" s="19"/>
      <c r="BF32" s="19"/>
      <c r="BG32" s="21"/>
      <c r="BH32" s="33"/>
      <c r="BI32" s="19"/>
      <c r="BJ32" s="19"/>
      <c r="BK32" s="30"/>
      <c r="BL32" s="30"/>
      <c r="BM32" s="20"/>
      <c r="BN32" s="19"/>
      <c r="BO32" s="44"/>
      <c r="BP32" s="50"/>
      <c r="BQ32" s="45"/>
    </row>
    <row r="33" spans="2:69" s="16" customFormat="1" ht="16" customHeight="1" x14ac:dyDescent="0.2">
      <c r="B33" s="686"/>
      <c r="C33" s="702" t="s">
        <v>324</v>
      </c>
      <c r="D33" s="703"/>
      <c r="E33" s="703"/>
      <c r="F33" s="703"/>
      <c r="G33" s="704"/>
      <c r="H33" s="169"/>
      <c r="I33" s="170"/>
      <c r="J33" s="51"/>
      <c r="K33" s="19"/>
      <c r="L33" s="19"/>
      <c r="M33" s="19"/>
      <c r="N33" s="170"/>
      <c r="O33" s="20"/>
      <c r="P33" s="19"/>
      <c r="Q33" s="19"/>
      <c r="R33" s="19"/>
      <c r="S33" s="170"/>
      <c r="T33" s="20"/>
      <c r="U33" s="19"/>
      <c r="V33" s="19"/>
      <c r="W33" s="19"/>
      <c r="X33" s="170"/>
      <c r="Y33" s="20"/>
      <c r="Z33" s="19"/>
      <c r="AA33" s="19"/>
      <c r="AB33" s="19"/>
      <c r="AC33" s="171"/>
      <c r="AD33" s="51"/>
      <c r="AE33" s="44"/>
      <c r="AF33" s="44"/>
      <c r="AG33" s="44"/>
      <c r="AH33" s="171"/>
      <c r="AI33" s="51"/>
      <c r="AJ33" s="19"/>
      <c r="AK33" s="19"/>
      <c r="AL33" s="19"/>
      <c r="AM33" s="170"/>
      <c r="AN33" s="20"/>
      <c r="AO33" s="19"/>
      <c r="AP33" s="19"/>
      <c r="AQ33" s="19"/>
      <c r="AR33" s="170"/>
      <c r="AS33" s="20"/>
      <c r="AT33" s="19"/>
      <c r="AU33" s="19"/>
      <c r="AV33" s="19"/>
      <c r="AW33" s="170"/>
      <c r="AX33" s="20"/>
      <c r="AY33" s="19"/>
      <c r="AZ33" s="19"/>
      <c r="BA33" s="44"/>
      <c r="BB33" s="171"/>
      <c r="BC33" s="51"/>
      <c r="BD33" s="44"/>
      <c r="BE33" s="19"/>
      <c r="BF33" s="19"/>
      <c r="BG33" s="170"/>
      <c r="BH33" s="20"/>
      <c r="BI33" s="19"/>
      <c r="BJ33" s="19"/>
      <c r="BK33" s="19"/>
      <c r="BL33" s="170"/>
      <c r="BM33" s="20"/>
      <c r="BN33" s="19"/>
      <c r="BO33" s="44"/>
      <c r="BP33" s="44"/>
      <c r="BQ33" s="171"/>
    </row>
    <row r="34" spans="2:69" s="16" customFormat="1" ht="16" customHeight="1" thickBot="1" x14ac:dyDescent="0.25">
      <c r="B34" s="690"/>
      <c r="C34" s="705" t="s">
        <v>325</v>
      </c>
      <c r="D34" s="705"/>
      <c r="E34" s="705"/>
      <c r="F34" s="705"/>
      <c r="G34" s="706"/>
      <c r="H34" s="172"/>
      <c r="I34" s="173"/>
      <c r="J34" s="174"/>
      <c r="K34" s="175"/>
      <c r="L34" s="175"/>
      <c r="M34" s="175"/>
      <c r="N34" s="173"/>
      <c r="O34" s="168"/>
      <c r="P34" s="175"/>
      <c r="Q34" s="175"/>
      <c r="R34" s="175"/>
      <c r="S34" s="173"/>
      <c r="T34" s="168"/>
      <c r="U34" s="175"/>
      <c r="V34" s="175"/>
      <c r="W34" s="175"/>
      <c r="X34" s="173"/>
      <c r="Y34" s="168"/>
      <c r="Z34" s="175"/>
      <c r="AA34" s="175"/>
      <c r="AB34" s="175"/>
      <c r="AC34" s="176"/>
      <c r="AD34" s="177"/>
      <c r="AE34" s="178"/>
      <c r="AF34" s="178"/>
      <c r="AG34" s="178"/>
      <c r="AH34" s="176"/>
      <c r="AI34" s="177"/>
      <c r="AJ34" s="175"/>
      <c r="AK34" s="175"/>
      <c r="AL34" s="175"/>
      <c r="AM34" s="173"/>
      <c r="AN34" s="168"/>
      <c r="AO34" s="175"/>
      <c r="AP34" s="175"/>
      <c r="AQ34" s="175"/>
      <c r="AR34" s="173"/>
      <c r="AS34" s="168"/>
      <c r="AT34" s="175"/>
      <c r="AU34" s="175"/>
      <c r="AV34" s="175"/>
      <c r="AW34" s="173"/>
      <c r="AX34" s="168"/>
      <c r="AY34" s="175"/>
      <c r="AZ34" s="179"/>
      <c r="BA34" s="707"/>
      <c r="BB34" s="708"/>
      <c r="BC34" s="709"/>
      <c r="BD34" s="707"/>
      <c r="BE34" s="710"/>
      <c r="BF34" s="175"/>
      <c r="BG34" s="173"/>
      <c r="BH34" s="168"/>
      <c r="BI34" s="175"/>
      <c r="BJ34" s="175"/>
      <c r="BK34" s="175"/>
      <c r="BL34" s="173"/>
      <c r="BM34" s="180"/>
      <c r="BN34" s="179"/>
      <c r="BO34" s="178"/>
      <c r="BP34" s="178"/>
      <c r="BQ34" s="176"/>
    </row>
    <row r="35" spans="2:69" s="16" customFormat="1" ht="16" customHeight="1" x14ac:dyDescent="0.2">
      <c r="B35" s="711" t="s">
        <v>511</v>
      </c>
      <c r="C35" s="712" t="s">
        <v>326</v>
      </c>
      <c r="D35" s="713"/>
      <c r="E35" s="713"/>
      <c r="F35" s="713"/>
      <c r="G35" s="714"/>
      <c r="H35" s="181"/>
      <c r="I35" s="182"/>
      <c r="J35" s="183"/>
      <c r="K35" s="184"/>
      <c r="L35" s="184"/>
      <c r="M35" s="184"/>
      <c r="N35" s="182"/>
      <c r="O35" s="185"/>
      <c r="P35" s="184"/>
      <c r="Q35" s="184"/>
      <c r="R35" s="184"/>
      <c r="S35" s="182"/>
      <c r="T35" s="185"/>
      <c r="U35" s="184"/>
      <c r="V35" s="184"/>
      <c r="W35" s="184"/>
      <c r="X35" s="182"/>
      <c r="Y35" s="185"/>
      <c r="Z35" s="184"/>
      <c r="AA35" s="184"/>
      <c r="AB35" s="184"/>
      <c r="AC35" s="186"/>
      <c r="AD35" s="183"/>
      <c r="AE35" s="187"/>
      <c r="AF35" s="187"/>
      <c r="AG35" s="187"/>
      <c r="AH35" s="186"/>
      <c r="AI35" s="183"/>
      <c r="AJ35" s="184"/>
      <c r="AK35" s="184"/>
      <c r="AL35" s="184"/>
      <c r="AM35" s="182"/>
      <c r="AN35" s="185"/>
      <c r="AO35" s="184"/>
      <c r="AP35" s="184"/>
      <c r="AQ35" s="184"/>
      <c r="AR35" s="182"/>
      <c r="AS35" s="185"/>
      <c r="AT35" s="184"/>
      <c r="AU35" s="184"/>
      <c r="AV35" s="184"/>
      <c r="AW35" s="182"/>
      <c r="AX35" s="185"/>
      <c r="AY35" s="184"/>
      <c r="AZ35" s="184"/>
      <c r="BA35" s="187"/>
      <c r="BB35" s="186"/>
      <c r="BC35" s="183"/>
      <c r="BD35" s="187"/>
      <c r="BE35" s="184"/>
      <c r="BF35" s="184"/>
      <c r="BG35" s="182"/>
      <c r="BH35" s="185"/>
      <c r="BI35" s="184"/>
      <c r="BJ35" s="184"/>
      <c r="BK35" s="184"/>
      <c r="BL35" s="182"/>
      <c r="BM35" s="185"/>
      <c r="BN35" s="184"/>
      <c r="BO35" s="187"/>
      <c r="BP35" s="187"/>
      <c r="BQ35" s="186"/>
    </row>
    <row r="36" spans="2:69" s="16" customFormat="1" ht="33" customHeight="1" x14ac:dyDescent="0.2">
      <c r="B36" s="715"/>
      <c r="C36" s="716" t="s">
        <v>327</v>
      </c>
      <c r="D36" s="717"/>
      <c r="E36" s="717"/>
      <c r="F36" s="717"/>
      <c r="G36" s="718"/>
      <c r="H36" s="169"/>
      <c r="I36" s="188"/>
      <c r="J36" s="49"/>
      <c r="K36" s="26"/>
      <c r="L36" s="26"/>
      <c r="M36" s="26"/>
      <c r="N36" s="188"/>
      <c r="O36" s="25"/>
      <c r="P36" s="26"/>
      <c r="Q36" s="26"/>
      <c r="R36" s="26"/>
      <c r="S36" s="188"/>
      <c r="T36" s="25"/>
      <c r="U36" s="26"/>
      <c r="V36" s="26"/>
      <c r="W36" s="26"/>
      <c r="X36" s="188"/>
      <c r="Y36" s="25"/>
      <c r="Z36" s="26"/>
      <c r="AA36" s="26"/>
      <c r="AB36" s="26"/>
      <c r="AC36" s="189"/>
      <c r="AD36" s="49"/>
      <c r="AE36" s="42"/>
      <c r="AF36" s="42"/>
      <c r="AG36" s="42"/>
      <c r="AH36" s="189"/>
      <c r="AI36" s="49"/>
      <c r="AJ36" s="26"/>
      <c r="AK36" s="26"/>
      <c r="AL36" s="26"/>
      <c r="AM36" s="188"/>
      <c r="AN36" s="25"/>
      <c r="AO36" s="26"/>
      <c r="AP36" s="26"/>
      <c r="AQ36" s="26"/>
      <c r="AR36" s="188"/>
      <c r="AS36" s="25"/>
      <c r="AT36" s="26"/>
      <c r="AU36" s="26"/>
      <c r="AV36" s="26"/>
      <c r="AW36" s="188"/>
      <c r="AX36" s="25"/>
      <c r="AY36" s="26"/>
      <c r="AZ36" s="26"/>
      <c r="BA36" s="42"/>
      <c r="BB36" s="189"/>
      <c r="BC36" s="49"/>
      <c r="BD36" s="42"/>
      <c r="BE36" s="26"/>
      <c r="BF36" s="26"/>
      <c r="BG36" s="188"/>
      <c r="BH36" s="25"/>
      <c r="BI36" s="26"/>
      <c r="BJ36" s="26"/>
      <c r="BK36" s="26"/>
      <c r="BL36" s="188"/>
      <c r="BM36" s="25"/>
      <c r="BN36" s="26"/>
      <c r="BO36" s="42"/>
      <c r="BP36" s="42"/>
      <c r="BQ36" s="189"/>
    </row>
    <row r="37" spans="2:69" s="18" customFormat="1" ht="33" customHeight="1" thickBot="1" x14ac:dyDescent="0.25">
      <c r="B37" s="719"/>
      <c r="C37" s="720" t="s">
        <v>328</v>
      </c>
      <c r="D37" s="721"/>
      <c r="E37" s="721"/>
      <c r="F37" s="721"/>
      <c r="G37" s="722"/>
      <c r="H37" s="172"/>
      <c r="I37" s="173"/>
      <c r="J37" s="174"/>
      <c r="K37" s="175"/>
      <c r="L37" s="175"/>
      <c r="M37" s="175"/>
      <c r="N37" s="173"/>
      <c r="O37" s="168"/>
      <c r="P37" s="175"/>
      <c r="Q37" s="175"/>
      <c r="R37" s="175"/>
      <c r="S37" s="173"/>
      <c r="T37" s="168"/>
      <c r="U37" s="175"/>
      <c r="V37" s="175"/>
      <c r="W37" s="175"/>
      <c r="X37" s="173"/>
      <c r="Y37" s="168"/>
      <c r="Z37" s="175"/>
      <c r="AA37" s="175"/>
      <c r="AB37" s="175"/>
      <c r="AC37" s="190"/>
      <c r="AD37" s="174"/>
      <c r="AE37" s="191"/>
      <c r="AF37" s="191"/>
      <c r="AG37" s="191"/>
      <c r="AH37" s="190"/>
      <c r="AI37" s="174"/>
      <c r="AJ37" s="175"/>
      <c r="AK37" s="175"/>
      <c r="AL37" s="175"/>
      <c r="AM37" s="173"/>
      <c r="AN37" s="168"/>
      <c r="AO37" s="175"/>
      <c r="AP37" s="175"/>
      <c r="AQ37" s="175"/>
      <c r="AR37" s="173"/>
      <c r="AS37" s="168"/>
      <c r="AT37" s="175"/>
      <c r="AU37" s="175"/>
      <c r="AV37" s="175"/>
      <c r="AW37" s="173"/>
      <c r="AX37" s="168"/>
      <c r="AY37" s="175"/>
      <c r="AZ37" s="175"/>
      <c r="BA37" s="191"/>
      <c r="BB37" s="190"/>
      <c r="BC37" s="174"/>
      <c r="BD37" s="191"/>
      <c r="BE37" s="175"/>
      <c r="BF37" s="175"/>
      <c r="BG37" s="173"/>
      <c r="BH37" s="168"/>
      <c r="BI37" s="175"/>
      <c r="BJ37" s="175"/>
      <c r="BK37" s="175"/>
      <c r="BL37" s="173"/>
      <c r="BM37" s="168"/>
      <c r="BN37" s="175"/>
      <c r="BO37" s="191"/>
      <c r="BP37" s="191"/>
      <c r="BQ37" s="190"/>
    </row>
    <row r="38" spans="2:69" s="17" customFormat="1" ht="16" customHeight="1" x14ac:dyDescent="0.2">
      <c r="B38" s="17" t="s">
        <v>329</v>
      </c>
      <c r="AE38" s="17" t="s">
        <v>330</v>
      </c>
      <c r="BA38" s="17" t="s">
        <v>331</v>
      </c>
      <c r="BO38" s="17" t="s">
        <v>332</v>
      </c>
    </row>
    <row r="39" spans="2:69" s="18" customFormat="1" ht="16" customHeight="1" x14ac:dyDescent="0.2">
      <c r="B39" s="17" t="s">
        <v>333</v>
      </c>
    </row>
    <row r="40" spans="2:69" s="18" customFormat="1" ht="16" customHeight="1" x14ac:dyDescent="0.2">
      <c r="B40" s="17"/>
    </row>
    <row r="41" spans="2:69" s="18" customFormat="1" ht="16" customHeight="1" x14ac:dyDescent="0.2">
      <c r="B41" s="17"/>
    </row>
    <row r="42" spans="2:69" s="18" customFormat="1" ht="16" customHeight="1" x14ac:dyDescent="0.2">
      <c r="B42" s="17"/>
    </row>
    <row r="43" spans="2:69" s="18" customFormat="1" ht="16" customHeight="1" x14ac:dyDescent="0.2">
      <c r="B43" s="17"/>
    </row>
    <row r="44" spans="2:69" s="18" customFormat="1" ht="16" customHeight="1" x14ac:dyDescent="0.2">
      <c r="B44" s="17"/>
    </row>
    <row r="45" spans="2:69" s="18" customFormat="1" ht="16" customHeight="1" x14ac:dyDescent="0.2">
      <c r="B45" s="17"/>
    </row>
    <row r="46" spans="2:69" s="18" customFormat="1" ht="16" customHeight="1" x14ac:dyDescent="0.2">
      <c r="B46" s="17"/>
    </row>
    <row r="47" spans="2:69" s="18" customFormat="1" ht="16" customHeight="1" x14ac:dyDescent="0.2">
      <c r="B47" s="17"/>
    </row>
    <row r="48" spans="2:69" s="18" customFormat="1" ht="15" customHeight="1" x14ac:dyDescent="0.2">
      <c r="B48" s="17"/>
    </row>
    <row r="49" spans="2:9" s="18" customFormat="1" ht="15" customHeight="1" x14ac:dyDescent="0.2">
      <c r="B49" s="17"/>
    </row>
    <row r="50" spans="2:9" s="18" customFormat="1" ht="15" customHeight="1" x14ac:dyDescent="0.2">
      <c r="B50" s="17"/>
    </row>
    <row r="51" spans="2:9" s="18" customFormat="1" ht="15" customHeight="1" x14ac:dyDescent="0.2">
      <c r="B51" s="17"/>
    </row>
    <row r="52" spans="2:9" s="18" customFormat="1" ht="15" customHeight="1" x14ac:dyDescent="0.2">
      <c r="B52" s="17"/>
    </row>
    <row r="53" spans="2:9" s="15" customFormat="1" ht="15" customHeight="1" x14ac:dyDescent="0.2">
      <c r="B53" s="11"/>
      <c r="H53" s="18"/>
      <c r="I53" s="18"/>
    </row>
    <row r="54" spans="2:9" s="15" customFormat="1" ht="15" customHeight="1" x14ac:dyDescent="0.2">
      <c r="B54" s="11"/>
      <c r="H54" s="18"/>
      <c r="I54" s="18"/>
    </row>
    <row r="55" spans="2:9" s="15" customFormat="1" ht="15" customHeight="1" x14ac:dyDescent="0.2">
      <c r="B55" s="11"/>
      <c r="H55" s="18"/>
      <c r="I55" s="18"/>
    </row>
    <row r="56" spans="2:9" s="15" customFormat="1" ht="15" customHeight="1" x14ac:dyDescent="0.2">
      <c r="B56" s="11"/>
      <c r="H56" s="18"/>
      <c r="I56" s="18"/>
    </row>
    <row r="57" spans="2:9" s="15" customFormat="1" ht="12" x14ac:dyDescent="0.2">
      <c r="B57" s="11"/>
      <c r="H57" s="18"/>
      <c r="I57" s="18"/>
    </row>
    <row r="58" spans="2:9" s="15" customFormat="1" ht="12" x14ac:dyDescent="0.2">
      <c r="B58" s="11"/>
      <c r="H58" s="18"/>
      <c r="I58" s="18"/>
    </row>
    <row r="59" spans="2:9" s="15" customFormat="1" ht="12" x14ac:dyDescent="0.2">
      <c r="B59" s="11"/>
      <c r="H59" s="18"/>
      <c r="I59" s="18"/>
    </row>
    <row r="60" spans="2:9" s="15" customFormat="1" ht="12" x14ac:dyDescent="0.2">
      <c r="B60" s="11"/>
      <c r="H60" s="18"/>
      <c r="I60" s="18"/>
    </row>
    <row r="61" spans="2:9" s="15" customFormat="1" ht="12" x14ac:dyDescent="0.2">
      <c r="B61" s="11"/>
      <c r="H61" s="18"/>
      <c r="I61" s="18"/>
    </row>
    <row r="62" spans="2:9" s="15" customFormat="1" ht="12" x14ac:dyDescent="0.2">
      <c r="B62" s="11"/>
      <c r="H62" s="18"/>
      <c r="I62" s="18"/>
    </row>
    <row r="63" spans="2:9" s="15" customFormat="1" ht="12" x14ac:dyDescent="0.2">
      <c r="B63" s="11"/>
      <c r="H63" s="18"/>
      <c r="I63" s="18"/>
    </row>
    <row r="64" spans="2:9" s="15" customFormat="1" ht="12" x14ac:dyDescent="0.2">
      <c r="B64" s="11"/>
      <c r="H64" s="18"/>
      <c r="I64" s="18"/>
    </row>
    <row r="65" spans="2:9" s="15" customFormat="1" ht="12" x14ac:dyDescent="0.2">
      <c r="B65" s="11"/>
      <c r="H65" s="18"/>
      <c r="I65" s="18"/>
    </row>
    <row r="66" spans="2:9" s="15" customFormat="1" ht="12" x14ac:dyDescent="0.2">
      <c r="B66" s="11"/>
      <c r="H66" s="18"/>
      <c r="I66" s="18"/>
    </row>
    <row r="67" spans="2:9" s="15" customFormat="1" ht="12" x14ac:dyDescent="0.2">
      <c r="B67" s="11"/>
      <c r="H67" s="18"/>
      <c r="I67" s="18"/>
    </row>
    <row r="68" spans="2:9" s="15" customFormat="1" ht="12" x14ac:dyDescent="0.2">
      <c r="B68" s="11"/>
      <c r="H68" s="18"/>
      <c r="I68" s="18"/>
    </row>
    <row r="69" spans="2:9" s="15" customFormat="1" ht="12" x14ac:dyDescent="0.2">
      <c r="B69" s="11"/>
      <c r="H69" s="18"/>
      <c r="I69" s="18"/>
    </row>
    <row r="70" spans="2:9" s="15" customFormat="1" ht="12" x14ac:dyDescent="0.2">
      <c r="B70" s="11"/>
      <c r="H70" s="18"/>
      <c r="I70" s="18"/>
    </row>
    <row r="71" spans="2:9" s="15" customFormat="1" ht="12" x14ac:dyDescent="0.2">
      <c r="B71" s="11"/>
      <c r="H71" s="18"/>
      <c r="I71" s="18"/>
    </row>
    <row r="72" spans="2:9" s="15" customFormat="1" ht="12" x14ac:dyDescent="0.2">
      <c r="B72" s="11"/>
      <c r="H72" s="18"/>
      <c r="I72" s="18"/>
    </row>
    <row r="73" spans="2:9" s="15" customFormat="1" ht="12" x14ac:dyDescent="0.2">
      <c r="B73" s="11"/>
      <c r="H73" s="18"/>
      <c r="I73" s="18"/>
    </row>
    <row r="74" spans="2:9" s="15" customFormat="1" ht="12" x14ac:dyDescent="0.2">
      <c r="B74" s="11"/>
      <c r="H74" s="18"/>
      <c r="I74" s="18"/>
    </row>
    <row r="75" spans="2:9" s="15" customFormat="1" ht="12" x14ac:dyDescent="0.2">
      <c r="B75" s="11"/>
      <c r="H75" s="18"/>
      <c r="I75" s="18"/>
    </row>
    <row r="76" spans="2:9" s="15" customFormat="1" ht="12" x14ac:dyDescent="0.2">
      <c r="B76" s="11"/>
      <c r="H76" s="18"/>
      <c r="I76" s="18"/>
    </row>
    <row r="77" spans="2:9" s="15" customFormat="1" ht="12" x14ac:dyDescent="0.2">
      <c r="B77" s="11"/>
      <c r="H77" s="18"/>
      <c r="I77" s="18"/>
    </row>
    <row r="78" spans="2:9" s="15" customFormat="1" ht="12" x14ac:dyDescent="0.2">
      <c r="B78" s="11"/>
      <c r="H78" s="18"/>
      <c r="I78" s="18"/>
    </row>
    <row r="79" spans="2:9" s="15" customFormat="1" ht="12" x14ac:dyDescent="0.2">
      <c r="B79" s="11"/>
      <c r="H79" s="18"/>
      <c r="I79" s="18"/>
    </row>
    <row r="80" spans="2:9" s="15" customFormat="1" ht="12" x14ac:dyDescent="0.2">
      <c r="B80" s="11"/>
      <c r="H80" s="18"/>
      <c r="I80" s="18"/>
    </row>
    <row r="81" spans="2:9" s="15" customFormat="1" ht="12" x14ac:dyDescent="0.2">
      <c r="B81" s="11"/>
      <c r="H81" s="18"/>
      <c r="I81" s="18"/>
    </row>
    <row r="82" spans="2:9" s="15" customFormat="1" ht="12" x14ac:dyDescent="0.2">
      <c r="B82" s="11"/>
      <c r="H82" s="18"/>
      <c r="I82" s="18"/>
    </row>
    <row r="83" spans="2:9" s="15" customFormat="1" ht="12" x14ac:dyDescent="0.2">
      <c r="B83" s="11"/>
      <c r="H83" s="18"/>
      <c r="I83" s="18"/>
    </row>
    <row r="84" spans="2:9" s="15" customFormat="1" ht="12" x14ac:dyDescent="0.2">
      <c r="B84" s="11"/>
      <c r="H84" s="18"/>
      <c r="I84" s="18"/>
    </row>
  </sheetData>
  <mergeCells count="48">
    <mergeCell ref="BH4:BL4"/>
    <mergeCell ref="H16:I16"/>
    <mergeCell ref="BM4:BQ4"/>
    <mergeCell ref="B2:BQ2"/>
    <mergeCell ref="BJ3:BQ3"/>
    <mergeCell ref="B4:G5"/>
    <mergeCell ref="H4:I5"/>
    <mergeCell ref="J4:N4"/>
    <mergeCell ref="O4:S4"/>
    <mergeCell ref="T4:X4"/>
    <mergeCell ref="Y4:AC4"/>
    <mergeCell ref="AD4:AH4"/>
    <mergeCell ref="AI4:AM4"/>
    <mergeCell ref="AN4:AR4"/>
    <mergeCell ref="AS4:AW4"/>
    <mergeCell ref="AX4:BB4"/>
    <mergeCell ref="BC4:BG4"/>
    <mergeCell ref="H11:I11"/>
    <mergeCell ref="H12:I12"/>
    <mergeCell ref="H13:I13"/>
    <mergeCell ref="H14:I14"/>
    <mergeCell ref="H15:I15"/>
    <mergeCell ref="H6:I6"/>
    <mergeCell ref="H7:I7"/>
    <mergeCell ref="H8:I8"/>
    <mergeCell ref="H9:I9"/>
    <mergeCell ref="H10:I10"/>
    <mergeCell ref="H25:I25"/>
    <mergeCell ref="H26:I26"/>
    <mergeCell ref="H27:I27"/>
    <mergeCell ref="H28:I28"/>
    <mergeCell ref="H17:I17"/>
    <mergeCell ref="B6:B9"/>
    <mergeCell ref="B10:B34"/>
    <mergeCell ref="B35:B37"/>
    <mergeCell ref="H30:I30"/>
    <mergeCell ref="H31:I31"/>
    <mergeCell ref="H32:I32"/>
    <mergeCell ref="C36:G36"/>
    <mergeCell ref="C37:G37"/>
    <mergeCell ref="H29:I29"/>
    <mergeCell ref="H18:I18"/>
    <mergeCell ref="H19:I19"/>
    <mergeCell ref="H20:I20"/>
    <mergeCell ref="H21:I21"/>
    <mergeCell ref="H22:I22"/>
    <mergeCell ref="H23:I23"/>
    <mergeCell ref="H24:I24"/>
  </mergeCells>
  <phoneticPr fontId="1"/>
  <printOptions horizontalCentered="1" verticalCentered="1"/>
  <pageMargins left="0.17" right="0.18" top="0.47" bottom="0.25" header="0.44" footer="0.3"/>
  <pageSetup paperSize="9" scale="85" orientation="landscape" horizontalDpi="300" verticalDpi="300" r:id="rId1"/>
  <headerFooter alignWithMargins="0"/>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39"/>
  <sheetViews>
    <sheetView view="pageBreakPreview" zoomScale="60" zoomScaleNormal="100" workbookViewId="0">
      <selection activeCell="K36" sqref="K36"/>
    </sheetView>
  </sheetViews>
  <sheetFormatPr defaultColWidth="9" defaultRowHeight="12" x14ac:dyDescent="0.2"/>
  <cols>
    <col min="1" max="1" width="20.58203125" style="141" customWidth="1"/>
    <col min="2" max="2" width="45.58203125" style="141" customWidth="1"/>
    <col min="3" max="3" width="65.58203125" style="141" customWidth="1"/>
    <col min="4" max="16384" width="9" style="141"/>
  </cols>
  <sheetData>
    <row r="1" spans="1:4" ht="18" customHeight="1" x14ac:dyDescent="0.2">
      <c r="A1" s="141" t="s">
        <v>228</v>
      </c>
    </row>
    <row r="2" spans="1:4" ht="18" customHeight="1" x14ac:dyDescent="0.2">
      <c r="A2" s="486" t="s">
        <v>183</v>
      </c>
      <c r="B2" s="486"/>
      <c r="C2" s="486"/>
    </row>
    <row r="3" spans="1:4" ht="18" customHeight="1" x14ac:dyDescent="0.2">
      <c r="C3" s="142" t="s">
        <v>184</v>
      </c>
      <c r="D3" s="143"/>
    </row>
    <row r="4" spans="1:4" ht="18" customHeight="1" x14ac:dyDescent="0.2">
      <c r="C4" s="142" t="s">
        <v>185</v>
      </c>
      <c r="D4" s="143"/>
    </row>
    <row r="5" spans="1:4" ht="18" customHeight="1" x14ac:dyDescent="0.2">
      <c r="C5" s="142" t="s">
        <v>186</v>
      </c>
      <c r="D5" s="143"/>
    </row>
    <row r="6" spans="1:4" ht="18" customHeight="1" x14ac:dyDescent="0.2">
      <c r="A6" s="487" t="s">
        <v>187</v>
      </c>
      <c r="B6" s="488"/>
      <c r="C6" s="220" t="s">
        <v>188</v>
      </c>
    </row>
    <row r="7" spans="1:4" ht="18" customHeight="1" x14ac:dyDescent="0.2">
      <c r="A7" s="489" t="s">
        <v>189</v>
      </c>
      <c r="B7" s="490"/>
      <c r="C7" s="221" t="s">
        <v>512</v>
      </c>
    </row>
    <row r="8" spans="1:4" ht="18" customHeight="1" x14ac:dyDescent="0.2">
      <c r="A8" s="480" t="s">
        <v>190</v>
      </c>
      <c r="B8" s="481"/>
      <c r="C8" s="219" t="s">
        <v>513</v>
      </c>
    </row>
    <row r="9" spans="1:4" ht="18" customHeight="1" x14ac:dyDescent="0.2">
      <c r="A9" s="480"/>
      <c r="B9" s="481"/>
      <c r="C9" s="219" t="s">
        <v>514</v>
      </c>
    </row>
    <row r="10" spans="1:4" ht="18" customHeight="1" x14ac:dyDescent="0.2">
      <c r="A10" s="480"/>
      <c r="B10" s="481"/>
      <c r="C10" s="219"/>
    </row>
    <row r="11" spans="1:4" ht="18" customHeight="1" x14ac:dyDescent="0.2">
      <c r="A11" s="480"/>
      <c r="B11" s="481"/>
      <c r="C11" s="222"/>
    </row>
    <row r="12" spans="1:4" ht="18" customHeight="1" x14ac:dyDescent="0.2">
      <c r="A12" s="480"/>
      <c r="B12" s="481"/>
      <c r="C12" s="219"/>
    </row>
    <row r="13" spans="1:4" ht="18" customHeight="1" x14ac:dyDescent="0.2">
      <c r="A13" s="480"/>
      <c r="B13" s="481"/>
      <c r="C13" s="219"/>
    </row>
    <row r="14" spans="1:4" ht="18" customHeight="1" x14ac:dyDescent="0.2">
      <c r="A14" s="480"/>
      <c r="B14" s="481"/>
      <c r="C14" s="219"/>
    </row>
    <row r="15" spans="1:4" ht="18" customHeight="1" x14ac:dyDescent="0.2">
      <c r="A15" s="480"/>
      <c r="B15" s="481"/>
      <c r="C15" s="219"/>
    </row>
    <row r="16" spans="1:4" ht="18" customHeight="1" x14ac:dyDescent="0.2">
      <c r="A16" s="480"/>
      <c r="B16" s="481"/>
      <c r="C16" s="219"/>
    </row>
    <row r="17" spans="1:3" ht="18" customHeight="1" x14ac:dyDescent="0.2">
      <c r="A17" s="480"/>
      <c r="B17" s="481"/>
      <c r="C17" s="219"/>
    </row>
    <row r="18" spans="1:3" ht="18" customHeight="1" x14ac:dyDescent="0.2">
      <c r="A18" s="480"/>
      <c r="B18" s="481"/>
      <c r="C18" s="219"/>
    </row>
    <row r="19" spans="1:3" ht="18" customHeight="1" x14ac:dyDescent="0.2">
      <c r="A19" s="480"/>
      <c r="B19" s="481"/>
      <c r="C19" s="144"/>
    </row>
    <row r="20" spans="1:3" ht="18" customHeight="1" x14ac:dyDescent="0.2">
      <c r="A20" s="480"/>
      <c r="B20" s="481"/>
      <c r="C20" s="219"/>
    </row>
    <row r="21" spans="1:3" ht="18" customHeight="1" x14ac:dyDescent="0.2">
      <c r="A21" s="480"/>
      <c r="B21" s="481"/>
      <c r="C21" s="219"/>
    </row>
    <row r="22" spans="1:3" ht="18" customHeight="1" x14ac:dyDescent="0.2">
      <c r="A22" s="484"/>
      <c r="B22" s="485"/>
      <c r="C22" s="145"/>
    </row>
    <row r="23" spans="1:3" ht="18" customHeight="1" x14ac:dyDescent="0.2">
      <c r="A23" s="480"/>
      <c r="B23" s="481"/>
      <c r="C23" s="145"/>
    </row>
    <row r="24" spans="1:3" ht="18" customHeight="1" x14ac:dyDescent="0.2">
      <c r="A24" s="482"/>
      <c r="B24" s="483"/>
      <c r="C24" s="146"/>
    </row>
    <row r="25" spans="1:3" ht="18" customHeight="1" x14ac:dyDescent="0.2">
      <c r="A25" s="4"/>
      <c r="B25" s="4"/>
      <c r="C25" s="4"/>
    </row>
    <row r="26" spans="1:3" ht="18" customHeight="1" x14ac:dyDescent="0.2">
      <c r="A26" s="166"/>
      <c r="B26" s="479"/>
      <c r="C26" s="479"/>
    </row>
    <row r="27" spans="1:3" ht="18" customHeight="1" x14ac:dyDescent="0.2">
      <c r="A27" s="723" t="s">
        <v>270</v>
      </c>
      <c r="B27" s="479"/>
      <c r="C27" s="479"/>
    </row>
    <row r="28" spans="1:3" ht="18" customHeight="1" x14ac:dyDescent="0.2">
      <c r="A28" s="723" t="s">
        <v>271</v>
      </c>
      <c r="B28" s="479"/>
      <c r="C28" s="479"/>
    </row>
    <row r="29" spans="1:3" ht="18" customHeight="1" x14ac:dyDescent="0.2">
      <c r="A29" s="724" t="s">
        <v>272</v>
      </c>
      <c r="B29" s="479"/>
      <c r="C29" s="479"/>
    </row>
    <row r="30" spans="1:3" ht="18" customHeight="1" x14ac:dyDescent="0.2">
      <c r="A30" s="167"/>
      <c r="B30" s="479"/>
      <c r="C30" s="479"/>
    </row>
    <row r="31" spans="1:3" ht="18" customHeight="1" x14ac:dyDescent="0.2"/>
    <row r="32" spans="1:3" ht="18" customHeight="1" x14ac:dyDescent="0.2"/>
    <row r="33" ht="18" customHeight="1" x14ac:dyDescent="0.2"/>
    <row r="34" ht="18" customHeight="1" x14ac:dyDescent="0.2"/>
    <row r="35" ht="18" customHeight="1" x14ac:dyDescent="0.2"/>
    <row r="36" ht="18" customHeight="1" x14ac:dyDescent="0.2"/>
    <row r="37" ht="18" customHeight="1" x14ac:dyDescent="0.2"/>
    <row r="38" ht="18" customHeight="1" x14ac:dyDescent="0.2"/>
    <row r="39" ht="18" customHeight="1" x14ac:dyDescent="0.2"/>
  </sheetData>
  <mergeCells count="21">
    <mergeCell ref="A16:B16"/>
    <mergeCell ref="A2:C2"/>
    <mergeCell ref="A6:B6"/>
    <mergeCell ref="A7:B7"/>
    <mergeCell ref="A8:B8"/>
    <mergeCell ref="A9:B9"/>
    <mergeCell ref="A10:B10"/>
    <mergeCell ref="A11:B11"/>
    <mergeCell ref="A12:B12"/>
    <mergeCell ref="A13:B13"/>
    <mergeCell ref="A14:B14"/>
    <mergeCell ref="A15:B15"/>
    <mergeCell ref="B26:C30"/>
    <mergeCell ref="A23:B23"/>
    <mergeCell ref="A24:B24"/>
    <mergeCell ref="A17:B17"/>
    <mergeCell ref="A18:B18"/>
    <mergeCell ref="A19:B19"/>
    <mergeCell ref="A20:B20"/>
    <mergeCell ref="A21:B21"/>
    <mergeCell ref="A22:B22"/>
  </mergeCells>
  <phoneticPr fontId="1"/>
  <printOptions horizontalCentered="1" verticalCentered="1"/>
  <pageMargins left="0.2" right="0.18" top="0.56000000000000005" bottom="0.18" header="0.51181102362204722" footer="0.19"/>
  <pageSetup paperSize="9" orientation="landscape" horizontalDpi="300" verticalDpi="300" r:id="rId1"/>
  <headerFooter alignWithMargins="0"/>
  <colBreaks count="1" manualBreakCount="1">
    <brk id="3" max="6"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5"/>
  <sheetViews>
    <sheetView showGridLines="0" view="pageBreakPreview" zoomScaleNormal="100" zoomScaleSheetLayoutView="100" workbookViewId="0">
      <selection activeCell="D7" sqref="D7:L19"/>
    </sheetView>
  </sheetViews>
  <sheetFormatPr defaultColWidth="9" defaultRowHeight="14" x14ac:dyDescent="0.2"/>
  <cols>
    <col min="1" max="2" width="7.58203125" style="725" customWidth="1"/>
    <col min="3" max="3" width="8.83203125" style="725" customWidth="1"/>
    <col min="4" max="5" width="11" style="725" customWidth="1"/>
    <col min="6" max="6" width="22" style="725" customWidth="1"/>
    <col min="7" max="12" width="7.08203125" style="725" customWidth="1"/>
    <col min="13" max="256" width="9" style="725"/>
    <col min="257" max="258" width="7.58203125" style="725" customWidth="1"/>
    <col min="259" max="259" width="8.83203125" style="725" customWidth="1"/>
    <col min="260" max="261" width="11" style="725" customWidth="1"/>
    <col min="262" max="262" width="22" style="725" customWidth="1"/>
    <col min="263" max="268" width="7.08203125" style="725" customWidth="1"/>
    <col min="269" max="512" width="9" style="725"/>
    <col min="513" max="514" width="7.58203125" style="725" customWidth="1"/>
    <col min="515" max="515" width="8.83203125" style="725" customWidth="1"/>
    <col min="516" max="517" width="11" style="725" customWidth="1"/>
    <col min="518" max="518" width="22" style="725" customWidth="1"/>
    <col min="519" max="524" width="7.08203125" style="725" customWidth="1"/>
    <col min="525" max="768" width="9" style="725"/>
    <col min="769" max="770" width="7.58203125" style="725" customWidth="1"/>
    <col min="771" max="771" width="8.83203125" style="725" customWidth="1"/>
    <col min="772" max="773" width="11" style="725" customWidth="1"/>
    <col min="774" max="774" width="22" style="725" customWidth="1"/>
    <col min="775" max="780" width="7.08203125" style="725" customWidth="1"/>
    <col min="781" max="1024" width="9" style="725"/>
    <col min="1025" max="1026" width="7.58203125" style="725" customWidth="1"/>
    <col min="1027" max="1027" width="8.83203125" style="725" customWidth="1"/>
    <col min="1028" max="1029" width="11" style="725" customWidth="1"/>
    <col min="1030" max="1030" width="22" style="725" customWidth="1"/>
    <col min="1031" max="1036" width="7.08203125" style="725" customWidth="1"/>
    <col min="1037" max="1280" width="9" style="725"/>
    <col min="1281" max="1282" width="7.58203125" style="725" customWidth="1"/>
    <col min="1283" max="1283" width="8.83203125" style="725" customWidth="1"/>
    <col min="1284" max="1285" width="11" style="725" customWidth="1"/>
    <col min="1286" max="1286" width="22" style="725" customWidth="1"/>
    <col min="1287" max="1292" width="7.08203125" style="725" customWidth="1"/>
    <col min="1293" max="1536" width="9" style="725"/>
    <col min="1537" max="1538" width="7.58203125" style="725" customWidth="1"/>
    <col min="1539" max="1539" width="8.83203125" style="725" customWidth="1"/>
    <col min="1540" max="1541" width="11" style="725" customWidth="1"/>
    <col min="1542" max="1542" width="22" style="725" customWidth="1"/>
    <col min="1543" max="1548" width="7.08203125" style="725" customWidth="1"/>
    <col min="1549" max="1792" width="9" style="725"/>
    <col min="1793" max="1794" width="7.58203125" style="725" customWidth="1"/>
    <col min="1795" max="1795" width="8.83203125" style="725" customWidth="1"/>
    <col min="1796" max="1797" width="11" style="725" customWidth="1"/>
    <col min="1798" max="1798" width="22" style="725" customWidth="1"/>
    <col min="1799" max="1804" width="7.08203125" style="725" customWidth="1"/>
    <col min="1805" max="2048" width="9" style="725"/>
    <col min="2049" max="2050" width="7.58203125" style="725" customWidth="1"/>
    <col min="2051" max="2051" width="8.83203125" style="725" customWidth="1"/>
    <col min="2052" max="2053" width="11" style="725" customWidth="1"/>
    <col min="2054" max="2054" width="22" style="725" customWidth="1"/>
    <col min="2055" max="2060" width="7.08203125" style="725" customWidth="1"/>
    <col min="2061" max="2304" width="9" style="725"/>
    <col min="2305" max="2306" width="7.58203125" style="725" customWidth="1"/>
    <col min="2307" max="2307" width="8.83203125" style="725" customWidth="1"/>
    <col min="2308" max="2309" width="11" style="725" customWidth="1"/>
    <col min="2310" max="2310" width="22" style="725" customWidth="1"/>
    <col min="2311" max="2316" width="7.08203125" style="725" customWidth="1"/>
    <col min="2317" max="2560" width="9" style="725"/>
    <col min="2561" max="2562" width="7.58203125" style="725" customWidth="1"/>
    <col min="2563" max="2563" width="8.83203125" style="725" customWidth="1"/>
    <col min="2564" max="2565" width="11" style="725" customWidth="1"/>
    <col min="2566" max="2566" width="22" style="725" customWidth="1"/>
    <col min="2567" max="2572" width="7.08203125" style="725" customWidth="1"/>
    <col min="2573" max="2816" width="9" style="725"/>
    <col min="2817" max="2818" width="7.58203125" style="725" customWidth="1"/>
    <col min="2819" max="2819" width="8.83203125" style="725" customWidth="1"/>
    <col min="2820" max="2821" width="11" style="725" customWidth="1"/>
    <col min="2822" max="2822" width="22" style="725" customWidth="1"/>
    <col min="2823" max="2828" width="7.08203125" style="725" customWidth="1"/>
    <col min="2829" max="3072" width="9" style="725"/>
    <col min="3073" max="3074" width="7.58203125" style="725" customWidth="1"/>
    <col min="3075" max="3075" width="8.83203125" style="725" customWidth="1"/>
    <col min="3076" max="3077" width="11" style="725" customWidth="1"/>
    <col min="3078" max="3078" width="22" style="725" customWidth="1"/>
    <col min="3079" max="3084" width="7.08203125" style="725" customWidth="1"/>
    <col min="3085" max="3328" width="9" style="725"/>
    <col min="3329" max="3330" width="7.58203125" style="725" customWidth="1"/>
    <col min="3331" max="3331" width="8.83203125" style="725" customWidth="1"/>
    <col min="3332" max="3333" width="11" style="725" customWidth="1"/>
    <col min="3334" max="3334" width="22" style="725" customWidth="1"/>
    <col min="3335" max="3340" width="7.08203125" style="725" customWidth="1"/>
    <col min="3341" max="3584" width="9" style="725"/>
    <col min="3585" max="3586" width="7.58203125" style="725" customWidth="1"/>
    <col min="3587" max="3587" width="8.83203125" style="725" customWidth="1"/>
    <col min="3588" max="3589" width="11" style="725" customWidth="1"/>
    <col min="3590" max="3590" width="22" style="725" customWidth="1"/>
    <col min="3591" max="3596" width="7.08203125" style="725" customWidth="1"/>
    <col min="3597" max="3840" width="9" style="725"/>
    <col min="3841" max="3842" width="7.58203125" style="725" customWidth="1"/>
    <col min="3843" max="3843" width="8.83203125" style="725" customWidth="1"/>
    <col min="3844" max="3845" width="11" style="725" customWidth="1"/>
    <col min="3846" max="3846" width="22" style="725" customWidth="1"/>
    <col min="3847" max="3852" width="7.08203125" style="725" customWidth="1"/>
    <col min="3853" max="4096" width="9" style="725"/>
    <col min="4097" max="4098" width="7.58203125" style="725" customWidth="1"/>
    <col min="4099" max="4099" width="8.83203125" style="725" customWidth="1"/>
    <col min="4100" max="4101" width="11" style="725" customWidth="1"/>
    <col min="4102" max="4102" width="22" style="725" customWidth="1"/>
    <col min="4103" max="4108" width="7.08203125" style="725" customWidth="1"/>
    <col min="4109" max="4352" width="9" style="725"/>
    <col min="4353" max="4354" width="7.58203125" style="725" customWidth="1"/>
    <col min="4355" max="4355" width="8.83203125" style="725" customWidth="1"/>
    <col min="4356" max="4357" width="11" style="725" customWidth="1"/>
    <col min="4358" max="4358" width="22" style="725" customWidth="1"/>
    <col min="4359" max="4364" width="7.08203125" style="725" customWidth="1"/>
    <col min="4365" max="4608" width="9" style="725"/>
    <col min="4609" max="4610" width="7.58203125" style="725" customWidth="1"/>
    <col min="4611" max="4611" width="8.83203125" style="725" customWidth="1"/>
    <col min="4612" max="4613" width="11" style="725" customWidth="1"/>
    <col min="4614" max="4614" width="22" style="725" customWidth="1"/>
    <col min="4615" max="4620" width="7.08203125" style="725" customWidth="1"/>
    <col min="4621" max="4864" width="9" style="725"/>
    <col min="4865" max="4866" width="7.58203125" style="725" customWidth="1"/>
    <col min="4867" max="4867" width="8.83203125" style="725" customWidth="1"/>
    <col min="4868" max="4869" width="11" style="725" customWidth="1"/>
    <col min="4870" max="4870" width="22" style="725" customWidth="1"/>
    <col min="4871" max="4876" width="7.08203125" style="725" customWidth="1"/>
    <col min="4877" max="5120" width="9" style="725"/>
    <col min="5121" max="5122" width="7.58203125" style="725" customWidth="1"/>
    <col min="5123" max="5123" width="8.83203125" style="725" customWidth="1"/>
    <col min="5124" max="5125" width="11" style="725" customWidth="1"/>
    <col min="5126" max="5126" width="22" style="725" customWidth="1"/>
    <col min="5127" max="5132" width="7.08203125" style="725" customWidth="1"/>
    <col min="5133" max="5376" width="9" style="725"/>
    <col min="5377" max="5378" width="7.58203125" style="725" customWidth="1"/>
    <col min="5379" max="5379" width="8.83203125" style="725" customWidth="1"/>
    <col min="5380" max="5381" width="11" style="725" customWidth="1"/>
    <col min="5382" max="5382" width="22" style="725" customWidth="1"/>
    <col min="5383" max="5388" width="7.08203125" style="725" customWidth="1"/>
    <col min="5389" max="5632" width="9" style="725"/>
    <col min="5633" max="5634" width="7.58203125" style="725" customWidth="1"/>
    <col min="5635" max="5635" width="8.83203125" style="725" customWidth="1"/>
    <col min="5636" max="5637" width="11" style="725" customWidth="1"/>
    <col min="5638" max="5638" width="22" style="725" customWidth="1"/>
    <col min="5639" max="5644" width="7.08203125" style="725" customWidth="1"/>
    <col min="5645" max="5888" width="9" style="725"/>
    <col min="5889" max="5890" width="7.58203125" style="725" customWidth="1"/>
    <col min="5891" max="5891" width="8.83203125" style="725" customWidth="1"/>
    <col min="5892" max="5893" width="11" style="725" customWidth="1"/>
    <col min="5894" max="5894" width="22" style="725" customWidth="1"/>
    <col min="5895" max="5900" width="7.08203125" style="725" customWidth="1"/>
    <col min="5901" max="6144" width="9" style="725"/>
    <col min="6145" max="6146" width="7.58203125" style="725" customWidth="1"/>
    <col min="6147" max="6147" width="8.83203125" style="725" customWidth="1"/>
    <col min="6148" max="6149" width="11" style="725" customWidth="1"/>
    <col min="6150" max="6150" width="22" style="725" customWidth="1"/>
    <col min="6151" max="6156" width="7.08203125" style="725" customWidth="1"/>
    <col min="6157" max="6400" width="9" style="725"/>
    <col min="6401" max="6402" width="7.58203125" style="725" customWidth="1"/>
    <col min="6403" max="6403" width="8.83203125" style="725" customWidth="1"/>
    <col min="6404" max="6405" width="11" style="725" customWidth="1"/>
    <col min="6406" max="6406" width="22" style="725" customWidth="1"/>
    <col min="6407" max="6412" width="7.08203125" style="725" customWidth="1"/>
    <col min="6413" max="6656" width="9" style="725"/>
    <col min="6657" max="6658" width="7.58203125" style="725" customWidth="1"/>
    <col min="6659" max="6659" width="8.83203125" style="725" customWidth="1"/>
    <col min="6660" max="6661" width="11" style="725" customWidth="1"/>
    <col min="6662" max="6662" width="22" style="725" customWidth="1"/>
    <col min="6663" max="6668" width="7.08203125" style="725" customWidth="1"/>
    <col min="6669" max="6912" width="9" style="725"/>
    <col min="6913" max="6914" width="7.58203125" style="725" customWidth="1"/>
    <col min="6915" max="6915" width="8.83203125" style="725" customWidth="1"/>
    <col min="6916" max="6917" width="11" style="725" customWidth="1"/>
    <col min="6918" max="6918" width="22" style="725" customWidth="1"/>
    <col min="6919" max="6924" width="7.08203125" style="725" customWidth="1"/>
    <col min="6925" max="7168" width="9" style="725"/>
    <col min="7169" max="7170" width="7.58203125" style="725" customWidth="1"/>
    <col min="7171" max="7171" width="8.83203125" style="725" customWidth="1"/>
    <col min="7172" max="7173" width="11" style="725" customWidth="1"/>
    <col min="7174" max="7174" width="22" style="725" customWidth="1"/>
    <col min="7175" max="7180" width="7.08203125" style="725" customWidth="1"/>
    <col min="7181" max="7424" width="9" style="725"/>
    <col min="7425" max="7426" width="7.58203125" style="725" customWidth="1"/>
    <col min="7427" max="7427" width="8.83203125" style="725" customWidth="1"/>
    <col min="7428" max="7429" width="11" style="725" customWidth="1"/>
    <col min="7430" max="7430" width="22" style="725" customWidth="1"/>
    <col min="7431" max="7436" width="7.08203125" style="725" customWidth="1"/>
    <col min="7437" max="7680" width="9" style="725"/>
    <col min="7681" max="7682" width="7.58203125" style="725" customWidth="1"/>
    <col min="7683" max="7683" width="8.83203125" style="725" customWidth="1"/>
    <col min="7684" max="7685" width="11" style="725" customWidth="1"/>
    <col min="7686" max="7686" width="22" style="725" customWidth="1"/>
    <col min="7687" max="7692" width="7.08203125" style="725" customWidth="1"/>
    <col min="7693" max="7936" width="9" style="725"/>
    <col min="7937" max="7938" width="7.58203125" style="725" customWidth="1"/>
    <col min="7939" max="7939" width="8.83203125" style="725" customWidth="1"/>
    <col min="7940" max="7941" width="11" style="725" customWidth="1"/>
    <col min="7942" max="7942" width="22" style="725" customWidth="1"/>
    <col min="7943" max="7948" width="7.08203125" style="725" customWidth="1"/>
    <col min="7949" max="8192" width="9" style="725"/>
    <col min="8193" max="8194" width="7.58203125" style="725" customWidth="1"/>
    <col min="8195" max="8195" width="8.83203125" style="725" customWidth="1"/>
    <col min="8196" max="8197" width="11" style="725" customWidth="1"/>
    <col min="8198" max="8198" width="22" style="725" customWidth="1"/>
    <col min="8199" max="8204" width="7.08203125" style="725" customWidth="1"/>
    <col min="8205" max="8448" width="9" style="725"/>
    <col min="8449" max="8450" width="7.58203125" style="725" customWidth="1"/>
    <col min="8451" max="8451" width="8.83203125" style="725" customWidth="1"/>
    <col min="8452" max="8453" width="11" style="725" customWidth="1"/>
    <col min="8454" max="8454" width="22" style="725" customWidth="1"/>
    <col min="8455" max="8460" width="7.08203125" style="725" customWidth="1"/>
    <col min="8461" max="8704" width="9" style="725"/>
    <col min="8705" max="8706" width="7.58203125" style="725" customWidth="1"/>
    <col min="8707" max="8707" width="8.83203125" style="725" customWidth="1"/>
    <col min="8708" max="8709" width="11" style="725" customWidth="1"/>
    <col min="8710" max="8710" width="22" style="725" customWidth="1"/>
    <col min="8711" max="8716" width="7.08203125" style="725" customWidth="1"/>
    <col min="8717" max="8960" width="9" style="725"/>
    <col min="8961" max="8962" width="7.58203125" style="725" customWidth="1"/>
    <col min="8963" max="8963" width="8.83203125" style="725" customWidth="1"/>
    <col min="8964" max="8965" width="11" style="725" customWidth="1"/>
    <col min="8966" max="8966" width="22" style="725" customWidth="1"/>
    <col min="8967" max="8972" width="7.08203125" style="725" customWidth="1"/>
    <col min="8973" max="9216" width="9" style="725"/>
    <col min="9217" max="9218" width="7.58203125" style="725" customWidth="1"/>
    <col min="9219" max="9219" width="8.83203125" style="725" customWidth="1"/>
    <col min="9220" max="9221" width="11" style="725" customWidth="1"/>
    <col min="9222" max="9222" width="22" style="725" customWidth="1"/>
    <col min="9223" max="9228" width="7.08203125" style="725" customWidth="1"/>
    <col min="9229" max="9472" width="9" style="725"/>
    <col min="9473" max="9474" width="7.58203125" style="725" customWidth="1"/>
    <col min="9475" max="9475" width="8.83203125" style="725" customWidth="1"/>
    <col min="9476" max="9477" width="11" style="725" customWidth="1"/>
    <col min="9478" max="9478" width="22" style="725" customWidth="1"/>
    <col min="9479" max="9484" width="7.08203125" style="725" customWidth="1"/>
    <col min="9485" max="9728" width="9" style="725"/>
    <col min="9729" max="9730" width="7.58203125" style="725" customWidth="1"/>
    <col min="9731" max="9731" width="8.83203125" style="725" customWidth="1"/>
    <col min="9732" max="9733" width="11" style="725" customWidth="1"/>
    <col min="9734" max="9734" width="22" style="725" customWidth="1"/>
    <col min="9735" max="9740" width="7.08203125" style="725" customWidth="1"/>
    <col min="9741" max="9984" width="9" style="725"/>
    <col min="9985" max="9986" width="7.58203125" style="725" customWidth="1"/>
    <col min="9987" max="9987" width="8.83203125" style="725" customWidth="1"/>
    <col min="9988" max="9989" width="11" style="725" customWidth="1"/>
    <col min="9990" max="9990" width="22" style="725" customWidth="1"/>
    <col min="9991" max="9996" width="7.08203125" style="725" customWidth="1"/>
    <col min="9997" max="10240" width="9" style="725"/>
    <col min="10241" max="10242" width="7.58203125" style="725" customWidth="1"/>
    <col min="10243" max="10243" width="8.83203125" style="725" customWidth="1"/>
    <col min="10244" max="10245" width="11" style="725" customWidth="1"/>
    <col min="10246" max="10246" width="22" style="725" customWidth="1"/>
    <col min="10247" max="10252" width="7.08203125" style="725" customWidth="1"/>
    <col min="10253" max="10496" width="9" style="725"/>
    <col min="10497" max="10498" width="7.58203125" style="725" customWidth="1"/>
    <col min="10499" max="10499" width="8.83203125" style="725" customWidth="1"/>
    <col min="10500" max="10501" width="11" style="725" customWidth="1"/>
    <col min="10502" max="10502" width="22" style="725" customWidth="1"/>
    <col min="10503" max="10508" width="7.08203125" style="725" customWidth="1"/>
    <col min="10509" max="10752" width="9" style="725"/>
    <col min="10753" max="10754" width="7.58203125" style="725" customWidth="1"/>
    <col min="10755" max="10755" width="8.83203125" style="725" customWidth="1"/>
    <col min="10756" max="10757" width="11" style="725" customWidth="1"/>
    <col min="10758" max="10758" width="22" style="725" customWidth="1"/>
    <col min="10759" max="10764" width="7.08203125" style="725" customWidth="1"/>
    <col min="10765" max="11008" width="9" style="725"/>
    <col min="11009" max="11010" width="7.58203125" style="725" customWidth="1"/>
    <col min="11011" max="11011" width="8.83203125" style="725" customWidth="1"/>
    <col min="11012" max="11013" width="11" style="725" customWidth="1"/>
    <col min="11014" max="11014" width="22" style="725" customWidth="1"/>
    <col min="11015" max="11020" width="7.08203125" style="725" customWidth="1"/>
    <col min="11021" max="11264" width="9" style="725"/>
    <col min="11265" max="11266" width="7.58203125" style="725" customWidth="1"/>
    <col min="11267" max="11267" width="8.83203125" style="725" customWidth="1"/>
    <col min="11268" max="11269" width="11" style="725" customWidth="1"/>
    <col min="11270" max="11270" width="22" style="725" customWidth="1"/>
    <col min="11271" max="11276" width="7.08203125" style="725" customWidth="1"/>
    <col min="11277" max="11520" width="9" style="725"/>
    <col min="11521" max="11522" width="7.58203125" style="725" customWidth="1"/>
    <col min="11523" max="11523" width="8.83203125" style="725" customWidth="1"/>
    <col min="11524" max="11525" width="11" style="725" customWidth="1"/>
    <col min="11526" max="11526" width="22" style="725" customWidth="1"/>
    <col min="11527" max="11532" width="7.08203125" style="725" customWidth="1"/>
    <col min="11533" max="11776" width="9" style="725"/>
    <col min="11777" max="11778" width="7.58203125" style="725" customWidth="1"/>
    <col min="11779" max="11779" width="8.83203125" style="725" customWidth="1"/>
    <col min="11780" max="11781" width="11" style="725" customWidth="1"/>
    <col min="11782" max="11782" width="22" style="725" customWidth="1"/>
    <col min="11783" max="11788" width="7.08203125" style="725" customWidth="1"/>
    <col min="11789" max="12032" width="9" style="725"/>
    <col min="12033" max="12034" width="7.58203125" style="725" customWidth="1"/>
    <col min="12035" max="12035" width="8.83203125" style="725" customWidth="1"/>
    <col min="12036" max="12037" width="11" style="725" customWidth="1"/>
    <col min="12038" max="12038" width="22" style="725" customWidth="1"/>
    <col min="12039" max="12044" width="7.08203125" style="725" customWidth="1"/>
    <col min="12045" max="12288" width="9" style="725"/>
    <col min="12289" max="12290" width="7.58203125" style="725" customWidth="1"/>
    <col min="12291" max="12291" width="8.83203125" style="725" customWidth="1"/>
    <col min="12292" max="12293" width="11" style="725" customWidth="1"/>
    <col min="12294" max="12294" width="22" style="725" customWidth="1"/>
    <col min="12295" max="12300" width="7.08203125" style="725" customWidth="1"/>
    <col min="12301" max="12544" width="9" style="725"/>
    <col min="12545" max="12546" width="7.58203125" style="725" customWidth="1"/>
    <col min="12547" max="12547" width="8.83203125" style="725" customWidth="1"/>
    <col min="12548" max="12549" width="11" style="725" customWidth="1"/>
    <col min="12550" max="12550" width="22" style="725" customWidth="1"/>
    <col min="12551" max="12556" width="7.08203125" style="725" customWidth="1"/>
    <col min="12557" max="12800" width="9" style="725"/>
    <col min="12801" max="12802" width="7.58203125" style="725" customWidth="1"/>
    <col min="12803" max="12803" width="8.83203125" style="725" customWidth="1"/>
    <col min="12804" max="12805" width="11" style="725" customWidth="1"/>
    <col min="12806" max="12806" width="22" style="725" customWidth="1"/>
    <col min="12807" max="12812" width="7.08203125" style="725" customWidth="1"/>
    <col min="12813" max="13056" width="9" style="725"/>
    <col min="13057" max="13058" width="7.58203125" style="725" customWidth="1"/>
    <col min="13059" max="13059" width="8.83203125" style="725" customWidth="1"/>
    <col min="13060" max="13061" width="11" style="725" customWidth="1"/>
    <col min="13062" max="13062" width="22" style="725" customWidth="1"/>
    <col min="13063" max="13068" width="7.08203125" style="725" customWidth="1"/>
    <col min="13069" max="13312" width="9" style="725"/>
    <col min="13313" max="13314" width="7.58203125" style="725" customWidth="1"/>
    <col min="13315" max="13315" width="8.83203125" style="725" customWidth="1"/>
    <col min="13316" max="13317" width="11" style="725" customWidth="1"/>
    <col min="13318" max="13318" width="22" style="725" customWidth="1"/>
    <col min="13319" max="13324" width="7.08203125" style="725" customWidth="1"/>
    <col min="13325" max="13568" width="9" style="725"/>
    <col min="13569" max="13570" width="7.58203125" style="725" customWidth="1"/>
    <col min="13571" max="13571" width="8.83203125" style="725" customWidth="1"/>
    <col min="13572" max="13573" width="11" style="725" customWidth="1"/>
    <col min="13574" max="13574" width="22" style="725" customWidth="1"/>
    <col min="13575" max="13580" width="7.08203125" style="725" customWidth="1"/>
    <col min="13581" max="13824" width="9" style="725"/>
    <col min="13825" max="13826" width="7.58203125" style="725" customWidth="1"/>
    <col min="13827" max="13827" width="8.83203125" style="725" customWidth="1"/>
    <col min="13828" max="13829" width="11" style="725" customWidth="1"/>
    <col min="13830" max="13830" width="22" style="725" customWidth="1"/>
    <col min="13831" max="13836" width="7.08203125" style="725" customWidth="1"/>
    <col min="13837" max="14080" width="9" style="725"/>
    <col min="14081" max="14082" width="7.58203125" style="725" customWidth="1"/>
    <col min="14083" max="14083" width="8.83203125" style="725" customWidth="1"/>
    <col min="14084" max="14085" width="11" style="725" customWidth="1"/>
    <col min="14086" max="14086" width="22" style="725" customWidth="1"/>
    <col min="14087" max="14092" width="7.08203125" style="725" customWidth="1"/>
    <col min="14093" max="14336" width="9" style="725"/>
    <col min="14337" max="14338" width="7.58203125" style="725" customWidth="1"/>
    <col min="14339" max="14339" width="8.83203125" style="725" customWidth="1"/>
    <col min="14340" max="14341" width="11" style="725" customWidth="1"/>
    <col min="14342" max="14342" width="22" style="725" customWidth="1"/>
    <col min="14343" max="14348" width="7.08203125" style="725" customWidth="1"/>
    <col min="14349" max="14592" width="9" style="725"/>
    <col min="14593" max="14594" width="7.58203125" style="725" customWidth="1"/>
    <col min="14595" max="14595" width="8.83203125" style="725" customWidth="1"/>
    <col min="14596" max="14597" width="11" style="725" customWidth="1"/>
    <col min="14598" max="14598" width="22" style="725" customWidth="1"/>
    <col min="14599" max="14604" width="7.08203125" style="725" customWidth="1"/>
    <col min="14605" max="14848" width="9" style="725"/>
    <col min="14849" max="14850" width="7.58203125" style="725" customWidth="1"/>
    <col min="14851" max="14851" width="8.83203125" style="725" customWidth="1"/>
    <col min="14852" max="14853" width="11" style="725" customWidth="1"/>
    <col min="14854" max="14854" width="22" style="725" customWidth="1"/>
    <col min="14855" max="14860" width="7.08203125" style="725" customWidth="1"/>
    <col min="14861" max="15104" width="9" style="725"/>
    <col min="15105" max="15106" width="7.58203125" style="725" customWidth="1"/>
    <col min="15107" max="15107" width="8.83203125" style="725" customWidth="1"/>
    <col min="15108" max="15109" width="11" style="725" customWidth="1"/>
    <col min="15110" max="15110" width="22" style="725" customWidth="1"/>
    <col min="15111" max="15116" width="7.08203125" style="725" customWidth="1"/>
    <col min="15117" max="15360" width="9" style="725"/>
    <col min="15361" max="15362" width="7.58203125" style="725" customWidth="1"/>
    <col min="15363" max="15363" width="8.83203125" style="725" customWidth="1"/>
    <col min="15364" max="15365" width="11" style="725" customWidth="1"/>
    <col min="15366" max="15366" width="22" style="725" customWidth="1"/>
    <col min="15367" max="15372" width="7.08203125" style="725" customWidth="1"/>
    <col min="15373" max="15616" width="9" style="725"/>
    <col min="15617" max="15618" width="7.58203125" style="725" customWidth="1"/>
    <col min="15619" max="15619" width="8.83203125" style="725" customWidth="1"/>
    <col min="15620" max="15621" width="11" style="725" customWidth="1"/>
    <col min="15622" max="15622" width="22" style="725" customWidth="1"/>
    <col min="15623" max="15628" width="7.08203125" style="725" customWidth="1"/>
    <col min="15629" max="15872" width="9" style="725"/>
    <col min="15873" max="15874" width="7.58203125" style="725" customWidth="1"/>
    <col min="15875" max="15875" width="8.83203125" style="725" customWidth="1"/>
    <col min="15876" max="15877" width="11" style="725" customWidth="1"/>
    <col min="15878" max="15878" width="22" style="725" customWidth="1"/>
    <col min="15879" max="15884" width="7.08203125" style="725" customWidth="1"/>
    <col min="15885" max="16128" width="9" style="725"/>
    <col min="16129" max="16130" width="7.58203125" style="725" customWidth="1"/>
    <col min="16131" max="16131" width="8.83203125" style="725" customWidth="1"/>
    <col min="16132" max="16133" width="11" style="725" customWidth="1"/>
    <col min="16134" max="16134" width="22" style="725" customWidth="1"/>
    <col min="16135" max="16140" width="7.08203125" style="725" customWidth="1"/>
    <col min="16141" max="16384" width="9" style="725"/>
  </cols>
  <sheetData>
    <row r="1" spans="1:12" ht="16.5" customHeight="1" x14ac:dyDescent="0.2">
      <c r="A1" s="725" t="s">
        <v>361</v>
      </c>
    </row>
    <row r="2" spans="1:12" ht="39.75" customHeight="1" x14ac:dyDescent="0.2">
      <c r="A2" s="726" t="s">
        <v>348</v>
      </c>
      <c r="B2" s="726"/>
      <c r="C2" s="726"/>
      <c r="D2" s="727"/>
      <c r="E2" s="727"/>
      <c r="F2" s="727"/>
      <c r="G2" s="727"/>
      <c r="H2" s="727"/>
      <c r="I2" s="727"/>
      <c r="J2" s="727"/>
      <c r="K2" s="727"/>
      <c r="L2" s="727"/>
    </row>
    <row r="3" spans="1:12" ht="39" customHeight="1" x14ac:dyDescent="0.2">
      <c r="A3" s="728" t="s">
        <v>349</v>
      </c>
      <c r="B3" s="729"/>
      <c r="C3" s="730" t="s">
        <v>350</v>
      </c>
      <c r="D3" s="731" t="s">
        <v>277</v>
      </c>
      <c r="E3" s="731"/>
      <c r="F3" s="732" t="s">
        <v>351</v>
      </c>
      <c r="G3" s="731" t="s">
        <v>276</v>
      </c>
      <c r="H3" s="731"/>
      <c r="I3" s="731" t="s">
        <v>352</v>
      </c>
      <c r="J3" s="731"/>
      <c r="K3" s="731" t="s">
        <v>275</v>
      </c>
      <c r="L3" s="731"/>
    </row>
    <row r="4" spans="1:12" ht="39" customHeight="1" x14ac:dyDescent="0.2">
      <c r="A4" s="733"/>
      <c r="B4" s="734"/>
      <c r="C4" s="735"/>
      <c r="D4" s="742" t="s">
        <v>553</v>
      </c>
      <c r="E4" s="742"/>
      <c r="F4" s="743"/>
      <c r="G4" s="744" t="s">
        <v>554</v>
      </c>
      <c r="H4" s="744"/>
      <c r="I4" s="742" t="s">
        <v>555</v>
      </c>
      <c r="J4" s="742"/>
      <c r="K4" s="742" t="s">
        <v>556</v>
      </c>
      <c r="L4" s="742"/>
    </row>
    <row r="5" spans="1:12" ht="39" customHeight="1" x14ac:dyDescent="0.2">
      <c r="A5" s="733"/>
      <c r="B5" s="734"/>
      <c r="C5" s="735"/>
      <c r="D5" s="742" t="s">
        <v>557</v>
      </c>
      <c r="E5" s="742"/>
      <c r="F5" s="743"/>
      <c r="G5" s="744" t="s">
        <v>554</v>
      </c>
      <c r="H5" s="744"/>
      <c r="I5" s="742" t="s">
        <v>555</v>
      </c>
      <c r="J5" s="742"/>
      <c r="K5" s="742" t="s">
        <v>558</v>
      </c>
      <c r="L5" s="742"/>
    </row>
    <row r="6" spans="1:12" ht="39" customHeight="1" x14ac:dyDescent="0.2">
      <c r="A6" s="736" t="s">
        <v>273</v>
      </c>
      <c r="B6" s="737"/>
      <c r="C6" s="738"/>
      <c r="D6" s="491"/>
      <c r="E6" s="491"/>
      <c r="F6" s="223"/>
      <c r="G6" s="492"/>
      <c r="H6" s="492"/>
      <c r="I6" s="491"/>
      <c r="J6" s="491"/>
      <c r="K6" s="491"/>
      <c r="L6" s="491"/>
    </row>
    <row r="7" spans="1:12" ht="39" customHeight="1" x14ac:dyDescent="0.2">
      <c r="A7" s="728" t="s">
        <v>274</v>
      </c>
      <c r="B7" s="729"/>
      <c r="C7" s="730"/>
      <c r="D7" s="742" t="s">
        <v>559</v>
      </c>
      <c r="E7" s="742"/>
      <c r="F7" s="743"/>
      <c r="G7" s="744" t="s">
        <v>554</v>
      </c>
      <c r="H7" s="744"/>
      <c r="I7" s="742"/>
      <c r="J7" s="742"/>
      <c r="K7" s="742" t="s">
        <v>560</v>
      </c>
      <c r="L7" s="742"/>
    </row>
    <row r="8" spans="1:12" ht="39" customHeight="1" x14ac:dyDescent="0.2">
      <c r="A8" s="733"/>
      <c r="B8" s="734"/>
      <c r="C8" s="739"/>
      <c r="D8" s="742" t="s">
        <v>561</v>
      </c>
      <c r="E8" s="742"/>
      <c r="F8" s="743"/>
      <c r="G8" s="744" t="s">
        <v>554</v>
      </c>
      <c r="H8" s="744"/>
      <c r="I8" s="742"/>
      <c r="J8" s="742"/>
      <c r="K8" s="742" t="s">
        <v>562</v>
      </c>
      <c r="L8" s="742"/>
    </row>
    <row r="9" spans="1:12" ht="39" customHeight="1" x14ac:dyDescent="0.2">
      <c r="A9" s="733"/>
      <c r="B9" s="734"/>
      <c r="C9" s="739"/>
      <c r="D9" s="742" t="s">
        <v>563</v>
      </c>
      <c r="E9" s="742"/>
      <c r="F9" s="743"/>
      <c r="G9" s="744" t="s">
        <v>554</v>
      </c>
      <c r="H9" s="744"/>
      <c r="I9" s="742"/>
      <c r="J9" s="742"/>
      <c r="K9" s="742" t="s">
        <v>564</v>
      </c>
      <c r="L9" s="742"/>
    </row>
    <row r="10" spans="1:12" ht="39" customHeight="1" x14ac:dyDescent="0.2">
      <c r="A10" s="733"/>
      <c r="B10" s="734"/>
      <c r="C10" s="739"/>
      <c r="D10" s="742" t="s">
        <v>565</v>
      </c>
      <c r="E10" s="742"/>
      <c r="F10" s="743"/>
      <c r="G10" s="744" t="s">
        <v>554</v>
      </c>
      <c r="H10" s="744"/>
      <c r="I10" s="742"/>
      <c r="J10" s="742"/>
      <c r="K10" s="742" t="s">
        <v>566</v>
      </c>
      <c r="L10" s="742"/>
    </row>
    <row r="11" spans="1:12" ht="39" customHeight="1" x14ac:dyDescent="0.2">
      <c r="A11" s="733"/>
      <c r="B11" s="734"/>
      <c r="C11" s="739"/>
      <c r="D11" s="742" t="s">
        <v>567</v>
      </c>
      <c r="E11" s="742"/>
      <c r="F11" s="743"/>
      <c r="G11" s="744" t="s">
        <v>568</v>
      </c>
      <c r="H11" s="744"/>
      <c r="I11" s="742"/>
      <c r="J11" s="742"/>
      <c r="K11" s="742" t="s">
        <v>569</v>
      </c>
      <c r="L11" s="742"/>
    </row>
    <row r="12" spans="1:12" ht="39" customHeight="1" x14ac:dyDescent="0.2">
      <c r="A12" s="733"/>
      <c r="B12" s="734"/>
      <c r="C12" s="739"/>
      <c r="D12" s="742" t="s">
        <v>570</v>
      </c>
      <c r="E12" s="742"/>
      <c r="F12" s="743"/>
      <c r="G12" s="744" t="s">
        <v>554</v>
      </c>
      <c r="H12" s="744"/>
      <c r="I12" s="742"/>
      <c r="J12" s="742"/>
      <c r="K12" s="742" t="s">
        <v>571</v>
      </c>
      <c r="L12" s="742"/>
    </row>
    <row r="13" spans="1:12" ht="39" customHeight="1" x14ac:dyDescent="0.2">
      <c r="A13" s="733"/>
      <c r="B13" s="734"/>
      <c r="C13" s="739"/>
      <c r="D13" s="742" t="s">
        <v>572</v>
      </c>
      <c r="E13" s="742"/>
      <c r="F13" s="743"/>
      <c r="G13" s="744" t="s">
        <v>554</v>
      </c>
      <c r="H13" s="744"/>
      <c r="I13" s="742" t="s">
        <v>555</v>
      </c>
      <c r="J13" s="742"/>
      <c r="K13" s="742" t="s">
        <v>573</v>
      </c>
      <c r="L13" s="742"/>
    </row>
    <row r="14" spans="1:12" ht="39" customHeight="1" x14ac:dyDescent="0.2">
      <c r="A14" s="733"/>
      <c r="B14" s="734"/>
      <c r="C14" s="739"/>
      <c r="D14" s="742" t="s">
        <v>574</v>
      </c>
      <c r="E14" s="742"/>
      <c r="F14" s="743"/>
      <c r="G14" s="744" t="s">
        <v>554</v>
      </c>
      <c r="H14" s="744"/>
      <c r="I14" s="742" t="s">
        <v>555</v>
      </c>
      <c r="J14" s="742"/>
      <c r="K14" s="742" t="s">
        <v>575</v>
      </c>
      <c r="L14" s="742"/>
    </row>
    <row r="15" spans="1:12" ht="39" customHeight="1" x14ac:dyDescent="0.2">
      <c r="A15" s="733"/>
      <c r="B15" s="734"/>
      <c r="C15" s="739"/>
      <c r="D15" s="742" t="s">
        <v>576</v>
      </c>
      <c r="E15" s="742"/>
      <c r="F15" s="743"/>
      <c r="G15" s="744" t="s">
        <v>577</v>
      </c>
      <c r="H15" s="744"/>
      <c r="I15" s="742"/>
      <c r="J15" s="742"/>
      <c r="K15" s="745" t="s">
        <v>578</v>
      </c>
      <c r="L15" s="745"/>
    </row>
    <row r="16" spans="1:12" ht="39" customHeight="1" x14ac:dyDescent="0.2">
      <c r="A16" s="733"/>
      <c r="B16" s="734"/>
      <c r="C16" s="739"/>
      <c r="D16" s="742" t="s">
        <v>579</v>
      </c>
      <c r="E16" s="742"/>
      <c r="F16" s="743"/>
      <c r="G16" s="744" t="s">
        <v>577</v>
      </c>
      <c r="H16" s="744"/>
      <c r="I16" s="742"/>
      <c r="J16" s="742"/>
      <c r="K16" s="745" t="s">
        <v>580</v>
      </c>
      <c r="L16" s="745"/>
    </row>
    <row r="17" spans="1:12" ht="39" customHeight="1" x14ac:dyDescent="0.2">
      <c r="A17" s="733"/>
      <c r="B17" s="734"/>
      <c r="C17" s="739"/>
      <c r="D17" s="742" t="s">
        <v>581</v>
      </c>
      <c r="E17" s="742"/>
      <c r="F17" s="743"/>
      <c r="G17" s="744" t="s">
        <v>582</v>
      </c>
      <c r="H17" s="744"/>
      <c r="I17" s="742"/>
      <c r="J17" s="742"/>
      <c r="K17" s="745" t="s">
        <v>583</v>
      </c>
      <c r="L17" s="745"/>
    </row>
    <row r="18" spans="1:12" ht="39" customHeight="1" x14ac:dyDescent="0.2">
      <c r="A18" s="733"/>
      <c r="B18" s="734"/>
      <c r="C18" s="739"/>
      <c r="D18" s="742" t="s">
        <v>584</v>
      </c>
      <c r="E18" s="742"/>
      <c r="F18" s="743"/>
      <c r="G18" s="744" t="s">
        <v>582</v>
      </c>
      <c r="H18" s="744"/>
      <c r="I18" s="742"/>
      <c r="J18" s="742"/>
      <c r="K18" s="745" t="s">
        <v>585</v>
      </c>
      <c r="L18" s="745"/>
    </row>
    <row r="19" spans="1:12" ht="39" customHeight="1" x14ac:dyDescent="0.2">
      <c r="A19" s="733"/>
      <c r="B19" s="734"/>
      <c r="C19" s="739"/>
      <c r="D19" s="746" t="s">
        <v>586</v>
      </c>
      <c r="E19" s="746"/>
      <c r="F19" s="747"/>
      <c r="G19" s="746" t="s">
        <v>586</v>
      </c>
      <c r="H19" s="746"/>
      <c r="I19" s="746" t="s">
        <v>586</v>
      </c>
      <c r="J19" s="746"/>
      <c r="K19" s="746" t="s">
        <v>586</v>
      </c>
      <c r="L19" s="746"/>
    </row>
    <row r="20" spans="1:12" ht="39" customHeight="1" x14ac:dyDescent="0.2">
      <c r="A20" s="736" t="s">
        <v>273</v>
      </c>
      <c r="B20" s="737"/>
      <c r="C20" s="730"/>
      <c r="D20" s="740"/>
      <c r="E20" s="740"/>
      <c r="F20" s="193"/>
      <c r="G20" s="740"/>
      <c r="H20" s="740"/>
      <c r="I20" s="740"/>
      <c r="J20" s="740"/>
      <c r="K20" s="740"/>
      <c r="L20" s="740"/>
    </row>
    <row r="21" spans="1:12" ht="24" customHeight="1" x14ac:dyDescent="0.2"/>
    <row r="22" spans="1:12" ht="23.25" customHeight="1" x14ac:dyDescent="0.2">
      <c r="A22" s="725" t="s">
        <v>353</v>
      </c>
      <c r="B22" s="725" t="s">
        <v>354</v>
      </c>
    </row>
    <row r="23" spans="1:12" ht="23.25" customHeight="1" x14ac:dyDescent="0.2">
      <c r="B23" s="725" t="s">
        <v>355</v>
      </c>
    </row>
    <row r="24" spans="1:12" ht="23.25" customHeight="1" x14ac:dyDescent="0.2">
      <c r="B24" s="725" t="s">
        <v>356</v>
      </c>
    </row>
    <row r="25" spans="1:12" ht="23.25" customHeight="1" x14ac:dyDescent="0.2">
      <c r="B25" s="725" t="s">
        <v>357</v>
      </c>
    </row>
    <row r="26" spans="1:12" ht="23.25" customHeight="1" x14ac:dyDescent="0.2">
      <c r="B26" s="725" t="s">
        <v>358</v>
      </c>
    </row>
    <row r="27" spans="1:12" ht="23.25" customHeight="1" x14ac:dyDescent="0.2">
      <c r="A27" s="725" t="s">
        <v>359</v>
      </c>
      <c r="B27" s="741" t="s">
        <v>360</v>
      </c>
      <c r="C27" s="741"/>
      <c r="D27" s="741"/>
      <c r="E27" s="741"/>
      <c r="F27" s="741"/>
      <c r="G27" s="741"/>
      <c r="H27" s="741"/>
      <c r="I27" s="741"/>
    </row>
    <row r="28" spans="1:12" ht="39" customHeight="1" x14ac:dyDescent="0.2"/>
    <row r="29" spans="1:12" ht="39" customHeight="1" x14ac:dyDescent="0.2"/>
    <row r="30" spans="1:12" ht="39" customHeight="1" x14ac:dyDescent="0.2"/>
    <row r="31" spans="1:12" ht="39" customHeight="1" x14ac:dyDescent="0.2"/>
    <row r="32" spans="1:12" ht="39" customHeight="1" x14ac:dyDescent="0.2"/>
    <row r="33" ht="39" customHeight="1" x14ac:dyDescent="0.2"/>
    <row r="34" ht="39" customHeight="1" x14ac:dyDescent="0.2"/>
    <row r="35" ht="39" customHeight="1" x14ac:dyDescent="0.2"/>
    <row r="36" ht="38.15" customHeight="1" x14ac:dyDescent="0.2"/>
    <row r="37" ht="38.15" customHeight="1" x14ac:dyDescent="0.2"/>
    <row r="38" ht="38.15" customHeight="1" x14ac:dyDescent="0.2"/>
    <row r="39" ht="38.15" customHeight="1" x14ac:dyDescent="0.2"/>
    <row r="40" ht="38.15" customHeight="1" x14ac:dyDescent="0.2"/>
    <row r="41" ht="38.15" customHeight="1" x14ac:dyDescent="0.2"/>
    <row r="42" ht="38.15" customHeight="1" x14ac:dyDescent="0.2"/>
    <row r="43" ht="38.15" customHeight="1" x14ac:dyDescent="0.2"/>
    <row r="44" ht="38.15" customHeight="1" x14ac:dyDescent="0.2"/>
    <row r="45" ht="38.15" customHeight="1" x14ac:dyDescent="0.2"/>
    <row r="46" ht="38.15" customHeight="1" x14ac:dyDescent="0.2"/>
    <row r="47" ht="35.15" customHeight="1" x14ac:dyDescent="0.2"/>
    <row r="48" ht="35.15" customHeight="1" x14ac:dyDescent="0.2"/>
    <row r="49" ht="35.15" customHeight="1" x14ac:dyDescent="0.2"/>
    <row r="50" ht="35.15" customHeight="1" x14ac:dyDescent="0.2"/>
    <row r="51" ht="35.15" customHeight="1" x14ac:dyDescent="0.2"/>
    <row r="52" ht="35.15" customHeight="1" x14ac:dyDescent="0.2"/>
    <row r="53" ht="35.15" customHeight="1" x14ac:dyDescent="0.2"/>
    <row r="54" ht="35.15" customHeight="1" x14ac:dyDescent="0.2"/>
    <row r="55" ht="35.15" customHeight="1" x14ac:dyDescent="0.2"/>
    <row r="56" ht="35.15" customHeight="1" x14ac:dyDescent="0.2"/>
    <row r="57" ht="35.15" customHeight="1" x14ac:dyDescent="0.2"/>
    <row r="58" ht="35.15" customHeight="1" x14ac:dyDescent="0.2"/>
    <row r="59" ht="35.15" customHeight="1" x14ac:dyDescent="0.2"/>
    <row r="60" ht="35.15" customHeight="1" x14ac:dyDescent="0.2"/>
    <row r="61" ht="35.15" customHeight="1" x14ac:dyDescent="0.2"/>
    <row r="62" ht="35.15" customHeight="1" x14ac:dyDescent="0.2"/>
    <row r="63" ht="35.15" customHeight="1" x14ac:dyDescent="0.2"/>
    <row r="64" ht="35.15" customHeight="1" x14ac:dyDescent="0.2"/>
    <row r="65" ht="35.15" customHeight="1" x14ac:dyDescent="0.2"/>
    <row r="66" ht="35.15" customHeight="1" x14ac:dyDescent="0.2"/>
    <row r="67" ht="35.15" customHeight="1" x14ac:dyDescent="0.2"/>
    <row r="68" ht="35.15" customHeight="1" x14ac:dyDescent="0.2"/>
    <row r="69" ht="35.15" customHeight="1" x14ac:dyDescent="0.2"/>
    <row r="70" ht="35.15" customHeight="1" x14ac:dyDescent="0.2"/>
    <row r="71" ht="35.15" customHeight="1" x14ac:dyDescent="0.2"/>
    <row r="72" ht="35.15" customHeight="1" x14ac:dyDescent="0.2"/>
    <row r="73" ht="35.15" customHeight="1" x14ac:dyDescent="0.2"/>
    <row r="74" ht="35.15" customHeight="1" x14ac:dyDescent="0.2"/>
    <row r="75" ht="35.15" customHeight="1" x14ac:dyDescent="0.2"/>
  </sheetData>
  <mergeCells count="78">
    <mergeCell ref="A2:L2"/>
    <mergeCell ref="A3:B3"/>
    <mergeCell ref="D3:E3"/>
    <mergeCell ref="G3:H3"/>
    <mergeCell ref="I3:J3"/>
    <mergeCell ref="K3:L3"/>
    <mergeCell ref="D4:E4"/>
    <mergeCell ref="G4:H4"/>
    <mergeCell ref="I4:J4"/>
    <mergeCell ref="K4:L4"/>
    <mergeCell ref="D5:E5"/>
    <mergeCell ref="G5:H5"/>
    <mergeCell ref="I5:J5"/>
    <mergeCell ref="K5:L5"/>
    <mergeCell ref="A7:B7"/>
    <mergeCell ref="D7:E7"/>
    <mergeCell ref="G7:H7"/>
    <mergeCell ref="I7:J7"/>
    <mergeCell ref="K7:L7"/>
    <mergeCell ref="A6:B6"/>
    <mergeCell ref="D6:E6"/>
    <mergeCell ref="G6:H6"/>
    <mergeCell ref="I6:J6"/>
    <mergeCell ref="K6:L6"/>
    <mergeCell ref="D8:E8"/>
    <mergeCell ref="G8:H8"/>
    <mergeCell ref="I8:J8"/>
    <mergeCell ref="K8:L8"/>
    <mergeCell ref="D9:E9"/>
    <mergeCell ref="G9:H9"/>
    <mergeCell ref="I9:J9"/>
    <mergeCell ref="K9:L9"/>
    <mergeCell ref="D10:E10"/>
    <mergeCell ref="G10:H10"/>
    <mergeCell ref="I10:J10"/>
    <mergeCell ref="K10:L10"/>
    <mergeCell ref="D11:E11"/>
    <mergeCell ref="G11:H11"/>
    <mergeCell ref="I11:J11"/>
    <mergeCell ref="K11:L11"/>
    <mergeCell ref="D12:E12"/>
    <mergeCell ref="G12:H12"/>
    <mergeCell ref="I12:J12"/>
    <mergeCell ref="K12:L12"/>
    <mergeCell ref="D13:E13"/>
    <mergeCell ref="G13:H13"/>
    <mergeCell ref="I13:J13"/>
    <mergeCell ref="K13:L13"/>
    <mergeCell ref="D14:E14"/>
    <mergeCell ref="G14:H14"/>
    <mergeCell ref="I14:J14"/>
    <mergeCell ref="K14:L14"/>
    <mergeCell ref="D15:E15"/>
    <mergeCell ref="G15:H15"/>
    <mergeCell ref="I15:J15"/>
    <mergeCell ref="K15:L15"/>
    <mergeCell ref="D16:E16"/>
    <mergeCell ref="G16:H16"/>
    <mergeCell ref="I16:J16"/>
    <mergeCell ref="K16:L16"/>
    <mergeCell ref="D17:E17"/>
    <mergeCell ref="G17:H17"/>
    <mergeCell ref="I17:J17"/>
    <mergeCell ref="K17:L17"/>
    <mergeCell ref="B27:I27"/>
    <mergeCell ref="D18:E18"/>
    <mergeCell ref="G18:H18"/>
    <mergeCell ref="I18:J18"/>
    <mergeCell ref="K18:L18"/>
    <mergeCell ref="D19:E19"/>
    <mergeCell ref="G19:H19"/>
    <mergeCell ref="I19:J19"/>
    <mergeCell ref="K19:L19"/>
    <mergeCell ref="A20:B20"/>
    <mergeCell ref="D20:E20"/>
    <mergeCell ref="G20:H20"/>
    <mergeCell ref="I20:J20"/>
    <mergeCell ref="K20:L20"/>
  </mergeCells>
  <phoneticPr fontId="1"/>
  <printOptions horizontalCentered="1"/>
  <pageMargins left="0.9055118110236221" right="0.70866141732283472" top="0.74803149606299213" bottom="0.74803149606299213" header="0.31496062992125984" footer="0.31496062992125984"/>
  <pageSetup paperSize="9" scale="71" orientation="portrait" horizontalDpi="300" verticalDpi="300"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58"/>
  <sheetViews>
    <sheetView view="pageBreakPreview" zoomScale="115" zoomScaleNormal="100" zoomScaleSheetLayoutView="115" workbookViewId="0">
      <selection activeCell="J9" sqref="J9"/>
    </sheetView>
  </sheetViews>
  <sheetFormatPr defaultColWidth="9" defaultRowHeight="14" x14ac:dyDescent="0.2"/>
  <cols>
    <col min="1" max="1" width="7.33203125" style="725" customWidth="1"/>
    <col min="2" max="2" width="11.08203125" style="725" customWidth="1"/>
    <col min="3" max="3" width="12.08203125" style="725" customWidth="1"/>
    <col min="4" max="7" width="8.58203125" style="725" customWidth="1"/>
    <col min="8" max="8" width="11" style="725" customWidth="1"/>
    <col min="9" max="9" width="17.58203125" style="725" customWidth="1"/>
    <col min="10" max="256" width="9" style="725"/>
    <col min="257" max="257" width="7.33203125" style="725" customWidth="1"/>
    <col min="258" max="258" width="11.08203125" style="725" customWidth="1"/>
    <col min="259" max="259" width="12.08203125" style="725" customWidth="1"/>
    <col min="260" max="263" width="8.58203125" style="725" customWidth="1"/>
    <col min="264" max="264" width="11" style="725" customWidth="1"/>
    <col min="265" max="265" width="17.58203125" style="725" customWidth="1"/>
    <col min="266" max="512" width="9" style="725"/>
    <col min="513" max="513" width="7.33203125" style="725" customWidth="1"/>
    <col min="514" max="514" width="11.08203125" style="725" customWidth="1"/>
    <col min="515" max="515" width="12.08203125" style="725" customWidth="1"/>
    <col min="516" max="519" width="8.58203125" style="725" customWidth="1"/>
    <col min="520" max="520" width="11" style="725" customWidth="1"/>
    <col min="521" max="521" width="17.58203125" style="725" customWidth="1"/>
    <col min="522" max="768" width="9" style="725"/>
    <col min="769" max="769" width="7.33203125" style="725" customWidth="1"/>
    <col min="770" max="770" width="11.08203125" style="725" customWidth="1"/>
    <col min="771" max="771" width="12.08203125" style="725" customWidth="1"/>
    <col min="772" max="775" width="8.58203125" style="725" customWidth="1"/>
    <col min="776" max="776" width="11" style="725" customWidth="1"/>
    <col min="777" max="777" width="17.58203125" style="725" customWidth="1"/>
    <col min="778" max="1024" width="9" style="725"/>
    <col min="1025" max="1025" width="7.33203125" style="725" customWidth="1"/>
    <col min="1026" max="1026" width="11.08203125" style="725" customWidth="1"/>
    <col min="1027" max="1027" width="12.08203125" style="725" customWidth="1"/>
    <col min="1028" max="1031" width="8.58203125" style="725" customWidth="1"/>
    <col min="1032" max="1032" width="11" style="725" customWidth="1"/>
    <col min="1033" max="1033" width="17.58203125" style="725" customWidth="1"/>
    <col min="1034" max="1280" width="9" style="725"/>
    <col min="1281" max="1281" width="7.33203125" style="725" customWidth="1"/>
    <col min="1282" max="1282" width="11.08203125" style="725" customWidth="1"/>
    <col min="1283" max="1283" width="12.08203125" style="725" customWidth="1"/>
    <col min="1284" max="1287" width="8.58203125" style="725" customWidth="1"/>
    <col min="1288" max="1288" width="11" style="725" customWidth="1"/>
    <col min="1289" max="1289" width="17.58203125" style="725" customWidth="1"/>
    <col min="1290" max="1536" width="9" style="725"/>
    <col min="1537" max="1537" width="7.33203125" style="725" customWidth="1"/>
    <col min="1538" max="1538" width="11.08203125" style="725" customWidth="1"/>
    <col min="1539" max="1539" width="12.08203125" style="725" customWidth="1"/>
    <col min="1540" max="1543" width="8.58203125" style="725" customWidth="1"/>
    <col min="1544" max="1544" width="11" style="725" customWidth="1"/>
    <col min="1545" max="1545" width="17.58203125" style="725" customWidth="1"/>
    <col min="1546" max="1792" width="9" style="725"/>
    <col min="1793" max="1793" width="7.33203125" style="725" customWidth="1"/>
    <col min="1794" max="1794" width="11.08203125" style="725" customWidth="1"/>
    <col min="1795" max="1795" width="12.08203125" style="725" customWidth="1"/>
    <col min="1796" max="1799" width="8.58203125" style="725" customWidth="1"/>
    <col min="1800" max="1800" width="11" style="725" customWidth="1"/>
    <col min="1801" max="1801" width="17.58203125" style="725" customWidth="1"/>
    <col min="1802" max="2048" width="9" style="725"/>
    <col min="2049" max="2049" width="7.33203125" style="725" customWidth="1"/>
    <col min="2050" max="2050" width="11.08203125" style="725" customWidth="1"/>
    <col min="2051" max="2051" width="12.08203125" style="725" customWidth="1"/>
    <col min="2052" max="2055" width="8.58203125" style="725" customWidth="1"/>
    <col min="2056" max="2056" width="11" style="725" customWidth="1"/>
    <col min="2057" max="2057" width="17.58203125" style="725" customWidth="1"/>
    <col min="2058" max="2304" width="9" style="725"/>
    <col min="2305" max="2305" width="7.33203125" style="725" customWidth="1"/>
    <col min="2306" max="2306" width="11.08203125" style="725" customWidth="1"/>
    <col min="2307" max="2307" width="12.08203125" style="725" customWidth="1"/>
    <col min="2308" max="2311" width="8.58203125" style="725" customWidth="1"/>
    <col min="2312" max="2312" width="11" style="725" customWidth="1"/>
    <col min="2313" max="2313" width="17.58203125" style="725" customWidth="1"/>
    <col min="2314" max="2560" width="9" style="725"/>
    <col min="2561" max="2561" width="7.33203125" style="725" customWidth="1"/>
    <col min="2562" max="2562" width="11.08203125" style="725" customWidth="1"/>
    <col min="2563" max="2563" width="12.08203125" style="725" customWidth="1"/>
    <col min="2564" max="2567" width="8.58203125" style="725" customWidth="1"/>
    <col min="2568" max="2568" width="11" style="725" customWidth="1"/>
    <col min="2569" max="2569" width="17.58203125" style="725" customWidth="1"/>
    <col min="2570" max="2816" width="9" style="725"/>
    <col min="2817" max="2817" width="7.33203125" style="725" customWidth="1"/>
    <col min="2818" max="2818" width="11.08203125" style="725" customWidth="1"/>
    <col min="2819" max="2819" width="12.08203125" style="725" customWidth="1"/>
    <col min="2820" max="2823" width="8.58203125" style="725" customWidth="1"/>
    <col min="2824" max="2824" width="11" style="725" customWidth="1"/>
    <col min="2825" max="2825" width="17.58203125" style="725" customWidth="1"/>
    <col min="2826" max="3072" width="9" style="725"/>
    <col min="3073" max="3073" width="7.33203125" style="725" customWidth="1"/>
    <col min="3074" max="3074" width="11.08203125" style="725" customWidth="1"/>
    <col min="3075" max="3075" width="12.08203125" style="725" customWidth="1"/>
    <col min="3076" max="3079" width="8.58203125" style="725" customWidth="1"/>
    <col min="3080" max="3080" width="11" style="725" customWidth="1"/>
    <col min="3081" max="3081" width="17.58203125" style="725" customWidth="1"/>
    <col min="3082" max="3328" width="9" style="725"/>
    <col min="3329" max="3329" width="7.33203125" style="725" customWidth="1"/>
    <col min="3330" max="3330" width="11.08203125" style="725" customWidth="1"/>
    <col min="3331" max="3331" width="12.08203125" style="725" customWidth="1"/>
    <col min="3332" max="3335" width="8.58203125" style="725" customWidth="1"/>
    <col min="3336" max="3336" width="11" style="725" customWidth="1"/>
    <col min="3337" max="3337" width="17.58203125" style="725" customWidth="1"/>
    <col min="3338" max="3584" width="9" style="725"/>
    <col min="3585" max="3585" width="7.33203125" style="725" customWidth="1"/>
    <col min="3586" max="3586" width="11.08203125" style="725" customWidth="1"/>
    <col min="3587" max="3587" width="12.08203125" style="725" customWidth="1"/>
    <col min="3588" max="3591" width="8.58203125" style="725" customWidth="1"/>
    <col min="3592" max="3592" width="11" style="725" customWidth="1"/>
    <col min="3593" max="3593" width="17.58203125" style="725" customWidth="1"/>
    <col min="3594" max="3840" width="9" style="725"/>
    <col min="3841" max="3841" width="7.33203125" style="725" customWidth="1"/>
    <col min="3842" max="3842" width="11.08203125" style="725" customWidth="1"/>
    <col min="3843" max="3843" width="12.08203125" style="725" customWidth="1"/>
    <col min="3844" max="3847" width="8.58203125" style="725" customWidth="1"/>
    <col min="3848" max="3848" width="11" style="725" customWidth="1"/>
    <col min="3849" max="3849" width="17.58203125" style="725" customWidth="1"/>
    <col min="3850" max="4096" width="9" style="725"/>
    <col min="4097" max="4097" width="7.33203125" style="725" customWidth="1"/>
    <col min="4098" max="4098" width="11.08203125" style="725" customWidth="1"/>
    <col min="4099" max="4099" width="12.08203125" style="725" customWidth="1"/>
    <col min="4100" max="4103" width="8.58203125" style="725" customWidth="1"/>
    <col min="4104" max="4104" width="11" style="725" customWidth="1"/>
    <col min="4105" max="4105" width="17.58203125" style="725" customWidth="1"/>
    <col min="4106" max="4352" width="9" style="725"/>
    <col min="4353" max="4353" width="7.33203125" style="725" customWidth="1"/>
    <col min="4354" max="4354" width="11.08203125" style="725" customWidth="1"/>
    <col min="4355" max="4355" width="12.08203125" style="725" customWidth="1"/>
    <col min="4356" max="4359" width="8.58203125" style="725" customWidth="1"/>
    <col min="4360" max="4360" width="11" style="725" customWidth="1"/>
    <col min="4361" max="4361" width="17.58203125" style="725" customWidth="1"/>
    <col min="4362" max="4608" width="9" style="725"/>
    <col min="4609" max="4609" width="7.33203125" style="725" customWidth="1"/>
    <col min="4610" max="4610" width="11.08203125" style="725" customWidth="1"/>
    <col min="4611" max="4611" width="12.08203125" style="725" customWidth="1"/>
    <col min="4612" max="4615" width="8.58203125" style="725" customWidth="1"/>
    <col min="4616" max="4616" width="11" style="725" customWidth="1"/>
    <col min="4617" max="4617" width="17.58203125" style="725" customWidth="1"/>
    <col min="4618" max="4864" width="9" style="725"/>
    <col min="4865" max="4865" width="7.33203125" style="725" customWidth="1"/>
    <col min="4866" max="4866" width="11.08203125" style="725" customWidth="1"/>
    <col min="4867" max="4867" width="12.08203125" style="725" customWidth="1"/>
    <col min="4868" max="4871" width="8.58203125" style="725" customWidth="1"/>
    <col min="4872" max="4872" width="11" style="725" customWidth="1"/>
    <col min="4873" max="4873" width="17.58203125" style="725" customWidth="1"/>
    <col min="4874" max="5120" width="9" style="725"/>
    <col min="5121" max="5121" width="7.33203125" style="725" customWidth="1"/>
    <col min="5122" max="5122" width="11.08203125" style="725" customWidth="1"/>
    <col min="5123" max="5123" width="12.08203125" style="725" customWidth="1"/>
    <col min="5124" max="5127" width="8.58203125" style="725" customWidth="1"/>
    <col min="5128" max="5128" width="11" style="725" customWidth="1"/>
    <col min="5129" max="5129" width="17.58203125" style="725" customWidth="1"/>
    <col min="5130" max="5376" width="9" style="725"/>
    <col min="5377" max="5377" width="7.33203125" style="725" customWidth="1"/>
    <col min="5378" max="5378" width="11.08203125" style="725" customWidth="1"/>
    <col min="5379" max="5379" width="12.08203125" style="725" customWidth="1"/>
    <col min="5380" max="5383" width="8.58203125" style="725" customWidth="1"/>
    <col min="5384" max="5384" width="11" style="725" customWidth="1"/>
    <col min="5385" max="5385" width="17.58203125" style="725" customWidth="1"/>
    <col min="5386" max="5632" width="9" style="725"/>
    <col min="5633" max="5633" width="7.33203125" style="725" customWidth="1"/>
    <col min="5634" max="5634" width="11.08203125" style="725" customWidth="1"/>
    <col min="5635" max="5635" width="12.08203125" style="725" customWidth="1"/>
    <col min="5636" max="5639" width="8.58203125" style="725" customWidth="1"/>
    <col min="5640" max="5640" width="11" style="725" customWidth="1"/>
    <col min="5641" max="5641" width="17.58203125" style="725" customWidth="1"/>
    <col min="5642" max="5888" width="9" style="725"/>
    <col min="5889" max="5889" width="7.33203125" style="725" customWidth="1"/>
    <col min="5890" max="5890" width="11.08203125" style="725" customWidth="1"/>
    <col min="5891" max="5891" width="12.08203125" style="725" customWidth="1"/>
    <col min="5892" max="5895" width="8.58203125" style="725" customWidth="1"/>
    <col min="5896" max="5896" width="11" style="725" customWidth="1"/>
    <col min="5897" max="5897" width="17.58203125" style="725" customWidth="1"/>
    <col min="5898" max="6144" width="9" style="725"/>
    <col min="6145" max="6145" width="7.33203125" style="725" customWidth="1"/>
    <col min="6146" max="6146" width="11.08203125" style="725" customWidth="1"/>
    <col min="6147" max="6147" width="12.08203125" style="725" customWidth="1"/>
    <col min="6148" max="6151" width="8.58203125" style="725" customWidth="1"/>
    <col min="6152" max="6152" width="11" style="725" customWidth="1"/>
    <col min="6153" max="6153" width="17.58203125" style="725" customWidth="1"/>
    <col min="6154" max="6400" width="9" style="725"/>
    <col min="6401" max="6401" width="7.33203125" style="725" customWidth="1"/>
    <col min="6402" max="6402" width="11.08203125" style="725" customWidth="1"/>
    <col min="6403" max="6403" width="12.08203125" style="725" customWidth="1"/>
    <col min="6404" max="6407" width="8.58203125" style="725" customWidth="1"/>
    <col min="6408" max="6408" width="11" style="725" customWidth="1"/>
    <col min="6409" max="6409" width="17.58203125" style="725" customWidth="1"/>
    <col min="6410" max="6656" width="9" style="725"/>
    <col min="6657" max="6657" width="7.33203125" style="725" customWidth="1"/>
    <col min="6658" max="6658" width="11.08203125" style="725" customWidth="1"/>
    <col min="6659" max="6659" width="12.08203125" style="725" customWidth="1"/>
    <col min="6660" max="6663" width="8.58203125" style="725" customWidth="1"/>
    <col min="6664" max="6664" width="11" style="725" customWidth="1"/>
    <col min="6665" max="6665" width="17.58203125" style="725" customWidth="1"/>
    <col min="6666" max="6912" width="9" style="725"/>
    <col min="6913" max="6913" width="7.33203125" style="725" customWidth="1"/>
    <col min="6914" max="6914" width="11.08203125" style="725" customWidth="1"/>
    <col min="6915" max="6915" width="12.08203125" style="725" customWidth="1"/>
    <col min="6916" max="6919" width="8.58203125" style="725" customWidth="1"/>
    <col min="6920" max="6920" width="11" style="725" customWidth="1"/>
    <col min="6921" max="6921" width="17.58203125" style="725" customWidth="1"/>
    <col min="6922" max="7168" width="9" style="725"/>
    <col min="7169" max="7169" width="7.33203125" style="725" customWidth="1"/>
    <col min="7170" max="7170" width="11.08203125" style="725" customWidth="1"/>
    <col min="7171" max="7171" width="12.08203125" style="725" customWidth="1"/>
    <col min="7172" max="7175" width="8.58203125" style="725" customWidth="1"/>
    <col min="7176" max="7176" width="11" style="725" customWidth="1"/>
    <col min="7177" max="7177" width="17.58203125" style="725" customWidth="1"/>
    <col min="7178" max="7424" width="9" style="725"/>
    <col min="7425" max="7425" width="7.33203125" style="725" customWidth="1"/>
    <col min="7426" max="7426" width="11.08203125" style="725" customWidth="1"/>
    <col min="7427" max="7427" width="12.08203125" style="725" customWidth="1"/>
    <col min="7428" max="7431" width="8.58203125" style="725" customWidth="1"/>
    <col min="7432" max="7432" width="11" style="725" customWidth="1"/>
    <col min="7433" max="7433" width="17.58203125" style="725" customWidth="1"/>
    <col min="7434" max="7680" width="9" style="725"/>
    <col min="7681" max="7681" width="7.33203125" style="725" customWidth="1"/>
    <col min="7682" max="7682" width="11.08203125" style="725" customWidth="1"/>
    <col min="7683" max="7683" width="12.08203125" style="725" customWidth="1"/>
    <col min="7684" max="7687" width="8.58203125" style="725" customWidth="1"/>
    <col min="7688" max="7688" width="11" style="725" customWidth="1"/>
    <col min="7689" max="7689" width="17.58203125" style="725" customWidth="1"/>
    <col min="7690" max="7936" width="9" style="725"/>
    <col min="7937" max="7937" width="7.33203125" style="725" customWidth="1"/>
    <col min="7938" max="7938" width="11.08203125" style="725" customWidth="1"/>
    <col min="7939" max="7939" width="12.08203125" style="725" customWidth="1"/>
    <col min="7940" max="7943" width="8.58203125" style="725" customWidth="1"/>
    <col min="7944" max="7944" width="11" style="725" customWidth="1"/>
    <col min="7945" max="7945" width="17.58203125" style="725" customWidth="1"/>
    <col min="7946" max="8192" width="9" style="725"/>
    <col min="8193" max="8193" width="7.33203125" style="725" customWidth="1"/>
    <col min="8194" max="8194" width="11.08203125" style="725" customWidth="1"/>
    <col min="8195" max="8195" width="12.08203125" style="725" customWidth="1"/>
    <col min="8196" max="8199" width="8.58203125" style="725" customWidth="1"/>
    <col min="8200" max="8200" width="11" style="725" customWidth="1"/>
    <col min="8201" max="8201" width="17.58203125" style="725" customWidth="1"/>
    <col min="8202" max="8448" width="9" style="725"/>
    <col min="8449" max="8449" width="7.33203125" style="725" customWidth="1"/>
    <col min="8450" max="8450" width="11.08203125" style="725" customWidth="1"/>
    <col min="8451" max="8451" width="12.08203125" style="725" customWidth="1"/>
    <col min="8452" max="8455" width="8.58203125" style="725" customWidth="1"/>
    <col min="8456" max="8456" width="11" style="725" customWidth="1"/>
    <col min="8457" max="8457" width="17.58203125" style="725" customWidth="1"/>
    <col min="8458" max="8704" width="9" style="725"/>
    <col min="8705" max="8705" width="7.33203125" style="725" customWidth="1"/>
    <col min="8706" max="8706" width="11.08203125" style="725" customWidth="1"/>
    <col min="8707" max="8707" width="12.08203125" style="725" customWidth="1"/>
    <col min="8708" max="8711" width="8.58203125" style="725" customWidth="1"/>
    <col min="8712" max="8712" width="11" style="725" customWidth="1"/>
    <col min="8713" max="8713" width="17.58203125" style="725" customWidth="1"/>
    <col min="8714" max="8960" width="9" style="725"/>
    <col min="8961" max="8961" width="7.33203125" style="725" customWidth="1"/>
    <col min="8962" max="8962" width="11.08203125" style="725" customWidth="1"/>
    <col min="8963" max="8963" width="12.08203125" style="725" customWidth="1"/>
    <col min="8964" max="8967" width="8.58203125" style="725" customWidth="1"/>
    <col min="8968" max="8968" width="11" style="725" customWidth="1"/>
    <col min="8969" max="8969" width="17.58203125" style="725" customWidth="1"/>
    <col min="8970" max="9216" width="9" style="725"/>
    <col min="9217" max="9217" width="7.33203125" style="725" customWidth="1"/>
    <col min="9218" max="9218" width="11.08203125" style="725" customWidth="1"/>
    <col min="9219" max="9219" width="12.08203125" style="725" customWidth="1"/>
    <col min="9220" max="9223" width="8.58203125" style="725" customWidth="1"/>
    <col min="9224" max="9224" width="11" style="725" customWidth="1"/>
    <col min="9225" max="9225" width="17.58203125" style="725" customWidth="1"/>
    <col min="9226" max="9472" width="9" style="725"/>
    <col min="9473" max="9473" width="7.33203125" style="725" customWidth="1"/>
    <col min="9474" max="9474" width="11.08203125" style="725" customWidth="1"/>
    <col min="9475" max="9475" width="12.08203125" style="725" customWidth="1"/>
    <col min="9476" max="9479" width="8.58203125" style="725" customWidth="1"/>
    <col min="9480" max="9480" width="11" style="725" customWidth="1"/>
    <col min="9481" max="9481" width="17.58203125" style="725" customWidth="1"/>
    <col min="9482" max="9728" width="9" style="725"/>
    <col min="9729" max="9729" width="7.33203125" style="725" customWidth="1"/>
    <col min="9730" max="9730" width="11.08203125" style="725" customWidth="1"/>
    <col min="9731" max="9731" width="12.08203125" style="725" customWidth="1"/>
    <col min="9732" max="9735" width="8.58203125" style="725" customWidth="1"/>
    <col min="9736" max="9736" width="11" style="725" customWidth="1"/>
    <col min="9737" max="9737" width="17.58203125" style="725" customWidth="1"/>
    <col min="9738" max="9984" width="9" style="725"/>
    <col min="9985" max="9985" width="7.33203125" style="725" customWidth="1"/>
    <col min="9986" max="9986" width="11.08203125" style="725" customWidth="1"/>
    <col min="9987" max="9987" width="12.08203125" style="725" customWidth="1"/>
    <col min="9988" max="9991" width="8.58203125" style="725" customWidth="1"/>
    <col min="9992" max="9992" width="11" style="725" customWidth="1"/>
    <col min="9993" max="9993" width="17.58203125" style="725" customWidth="1"/>
    <col min="9994" max="10240" width="9" style="725"/>
    <col min="10241" max="10241" width="7.33203125" style="725" customWidth="1"/>
    <col min="10242" max="10242" width="11.08203125" style="725" customWidth="1"/>
    <col min="10243" max="10243" width="12.08203125" style="725" customWidth="1"/>
    <col min="10244" max="10247" width="8.58203125" style="725" customWidth="1"/>
    <col min="10248" max="10248" width="11" style="725" customWidth="1"/>
    <col min="10249" max="10249" width="17.58203125" style="725" customWidth="1"/>
    <col min="10250" max="10496" width="9" style="725"/>
    <col min="10497" max="10497" width="7.33203125" style="725" customWidth="1"/>
    <col min="10498" max="10498" width="11.08203125" style="725" customWidth="1"/>
    <col min="10499" max="10499" width="12.08203125" style="725" customWidth="1"/>
    <col min="10500" max="10503" width="8.58203125" style="725" customWidth="1"/>
    <col min="10504" max="10504" width="11" style="725" customWidth="1"/>
    <col min="10505" max="10505" width="17.58203125" style="725" customWidth="1"/>
    <col min="10506" max="10752" width="9" style="725"/>
    <col min="10753" max="10753" width="7.33203125" style="725" customWidth="1"/>
    <col min="10754" max="10754" width="11.08203125" style="725" customWidth="1"/>
    <col min="10755" max="10755" width="12.08203125" style="725" customWidth="1"/>
    <col min="10756" max="10759" width="8.58203125" style="725" customWidth="1"/>
    <col min="10760" max="10760" width="11" style="725" customWidth="1"/>
    <col min="10761" max="10761" width="17.58203125" style="725" customWidth="1"/>
    <col min="10762" max="11008" width="9" style="725"/>
    <col min="11009" max="11009" width="7.33203125" style="725" customWidth="1"/>
    <col min="11010" max="11010" width="11.08203125" style="725" customWidth="1"/>
    <col min="11011" max="11011" width="12.08203125" style="725" customWidth="1"/>
    <col min="11012" max="11015" width="8.58203125" style="725" customWidth="1"/>
    <col min="11016" max="11016" width="11" style="725" customWidth="1"/>
    <col min="11017" max="11017" width="17.58203125" style="725" customWidth="1"/>
    <col min="11018" max="11264" width="9" style="725"/>
    <col min="11265" max="11265" width="7.33203125" style="725" customWidth="1"/>
    <col min="11266" max="11266" width="11.08203125" style="725" customWidth="1"/>
    <col min="11267" max="11267" width="12.08203125" style="725" customWidth="1"/>
    <col min="11268" max="11271" width="8.58203125" style="725" customWidth="1"/>
    <col min="11272" max="11272" width="11" style="725" customWidth="1"/>
    <col min="11273" max="11273" width="17.58203125" style="725" customWidth="1"/>
    <col min="11274" max="11520" width="9" style="725"/>
    <col min="11521" max="11521" width="7.33203125" style="725" customWidth="1"/>
    <col min="11522" max="11522" width="11.08203125" style="725" customWidth="1"/>
    <col min="11523" max="11523" width="12.08203125" style="725" customWidth="1"/>
    <col min="11524" max="11527" width="8.58203125" style="725" customWidth="1"/>
    <col min="11528" max="11528" width="11" style="725" customWidth="1"/>
    <col min="11529" max="11529" width="17.58203125" style="725" customWidth="1"/>
    <col min="11530" max="11776" width="9" style="725"/>
    <col min="11777" max="11777" width="7.33203125" style="725" customWidth="1"/>
    <col min="11778" max="11778" width="11.08203125" style="725" customWidth="1"/>
    <col min="11779" max="11779" width="12.08203125" style="725" customWidth="1"/>
    <col min="11780" max="11783" width="8.58203125" style="725" customWidth="1"/>
    <col min="11784" max="11784" width="11" style="725" customWidth="1"/>
    <col min="11785" max="11785" width="17.58203125" style="725" customWidth="1"/>
    <col min="11786" max="12032" width="9" style="725"/>
    <col min="12033" max="12033" width="7.33203125" style="725" customWidth="1"/>
    <col min="12034" max="12034" width="11.08203125" style="725" customWidth="1"/>
    <col min="12035" max="12035" width="12.08203125" style="725" customWidth="1"/>
    <col min="12036" max="12039" width="8.58203125" style="725" customWidth="1"/>
    <col min="12040" max="12040" width="11" style="725" customWidth="1"/>
    <col min="12041" max="12041" width="17.58203125" style="725" customWidth="1"/>
    <col min="12042" max="12288" width="9" style="725"/>
    <col min="12289" max="12289" width="7.33203125" style="725" customWidth="1"/>
    <col min="12290" max="12290" width="11.08203125" style="725" customWidth="1"/>
    <col min="12291" max="12291" width="12.08203125" style="725" customWidth="1"/>
    <col min="12292" max="12295" width="8.58203125" style="725" customWidth="1"/>
    <col min="12296" max="12296" width="11" style="725" customWidth="1"/>
    <col min="12297" max="12297" width="17.58203125" style="725" customWidth="1"/>
    <col min="12298" max="12544" width="9" style="725"/>
    <col min="12545" max="12545" width="7.33203125" style="725" customWidth="1"/>
    <col min="12546" max="12546" width="11.08203125" style="725" customWidth="1"/>
    <col min="12547" max="12547" width="12.08203125" style="725" customWidth="1"/>
    <col min="12548" max="12551" width="8.58203125" style="725" customWidth="1"/>
    <col min="12552" max="12552" width="11" style="725" customWidth="1"/>
    <col min="12553" max="12553" width="17.58203125" style="725" customWidth="1"/>
    <col min="12554" max="12800" width="9" style="725"/>
    <col min="12801" max="12801" width="7.33203125" style="725" customWidth="1"/>
    <col min="12802" max="12802" width="11.08203125" style="725" customWidth="1"/>
    <col min="12803" max="12803" width="12.08203125" style="725" customWidth="1"/>
    <col min="12804" max="12807" width="8.58203125" style="725" customWidth="1"/>
    <col min="12808" max="12808" width="11" style="725" customWidth="1"/>
    <col min="12809" max="12809" width="17.58203125" style="725" customWidth="1"/>
    <col min="12810" max="13056" width="9" style="725"/>
    <col min="13057" max="13057" width="7.33203125" style="725" customWidth="1"/>
    <col min="13058" max="13058" width="11.08203125" style="725" customWidth="1"/>
    <col min="13059" max="13059" width="12.08203125" style="725" customWidth="1"/>
    <col min="13060" max="13063" width="8.58203125" style="725" customWidth="1"/>
    <col min="13064" max="13064" width="11" style="725" customWidth="1"/>
    <col min="13065" max="13065" width="17.58203125" style="725" customWidth="1"/>
    <col min="13066" max="13312" width="9" style="725"/>
    <col min="13313" max="13313" width="7.33203125" style="725" customWidth="1"/>
    <col min="13314" max="13314" width="11.08203125" style="725" customWidth="1"/>
    <col min="13315" max="13315" width="12.08203125" style="725" customWidth="1"/>
    <col min="13316" max="13319" width="8.58203125" style="725" customWidth="1"/>
    <col min="13320" max="13320" width="11" style="725" customWidth="1"/>
    <col min="13321" max="13321" width="17.58203125" style="725" customWidth="1"/>
    <col min="13322" max="13568" width="9" style="725"/>
    <col min="13569" max="13569" width="7.33203125" style="725" customWidth="1"/>
    <col min="13570" max="13570" width="11.08203125" style="725" customWidth="1"/>
    <col min="13571" max="13571" width="12.08203125" style="725" customWidth="1"/>
    <col min="13572" max="13575" width="8.58203125" style="725" customWidth="1"/>
    <col min="13576" max="13576" width="11" style="725" customWidth="1"/>
    <col min="13577" max="13577" width="17.58203125" style="725" customWidth="1"/>
    <col min="13578" max="13824" width="9" style="725"/>
    <col min="13825" max="13825" width="7.33203125" style="725" customWidth="1"/>
    <col min="13826" max="13826" width="11.08203125" style="725" customWidth="1"/>
    <col min="13827" max="13827" width="12.08203125" style="725" customWidth="1"/>
    <col min="13828" max="13831" width="8.58203125" style="725" customWidth="1"/>
    <col min="13832" max="13832" width="11" style="725" customWidth="1"/>
    <col min="13833" max="13833" width="17.58203125" style="725" customWidth="1"/>
    <col min="13834" max="14080" width="9" style="725"/>
    <col min="14081" max="14081" width="7.33203125" style="725" customWidth="1"/>
    <col min="14082" max="14082" width="11.08203125" style="725" customWidth="1"/>
    <col min="14083" max="14083" width="12.08203125" style="725" customWidth="1"/>
    <col min="14084" max="14087" width="8.58203125" style="725" customWidth="1"/>
    <col min="14088" max="14088" width="11" style="725" customWidth="1"/>
    <col min="14089" max="14089" width="17.58203125" style="725" customWidth="1"/>
    <col min="14090" max="14336" width="9" style="725"/>
    <col min="14337" max="14337" width="7.33203125" style="725" customWidth="1"/>
    <col min="14338" max="14338" width="11.08203125" style="725" customWidth="1"/>
    <col min="14339" max="14339" width="12.08203125" style="725" customWidth="1"/>
    <col min="14340" max="14343" width="8.58203125" style="725" customWidth="1"/>
    <col min="14344" max="14344" width="11" style="725" customWidth="1"/>
    <col min="14345" max="14345" width="17.58203125" style="725" customWidth="1"/>
    <col min="14346" max="14592" width="9" style="725"/>
    <col min="14593" max="14593" width="7.33203125" style="725" customWidth="1"/>
    <col min="14594" max="14594" width="11.08203125" style="725" customWidth="1"/>
    <col min="14595" max="14595" width="12.08203125" style="725" customWidth="1"/>
    <col min="14596" max="14599" width="8.58203125" style="725" customWidth="1"/>
    <col min="14600" max="14600" width="11" style="725" customWidth="1"/>
    <col min="14601" max="14601" width="17.58203125" style="725" customWidth="1"/>
    <col min="14602" max="14848" width="9" style="725"/>
    <col min="14849" max="14849" width="7.33203125" style="725" customWidth="1"/>
    <col min="14850" max="14850" width="11.08203125" style="725" customWidth="1"/>
    <col min="14851" max="14851" width="12.08203125" style="725" customWidth="1"/>
    <col min="14852" max="14855" width="8.58203125" style="725" customWidth="1"/>
    <col min="14856" max="14856" width="11" style="725" customWidth="1"/>
    <col min="14857" max="14857" width="17.58203125" style="725" customWidth="1"/>
    <col min="14858" max="15104" width="9" style="725"/>
    <col min="15105" max="15105" width="7.33203125" style="725" customWidth="1"/>
    <col min="15106" max="15106" width="11.08203125" style="725" customWidth="1"/>
    <col min="15107" max="15107" width="12.08203125" style="725" customWidth="1"/>
    <col min="15108" max="15111" width="8.58203125" style="725" customWidth="1"/>
    <col min="15112" max="15112" width="11" style="725" customWidth="1"/>
    <col min="15113" max="15113" width="17.58203125" style="725" customWidth="1"/>
    <col min="15114" max="15360" width="9" style="725"/>
    <col min="15361" max="15361" width="7.33203125" style="725" customWidth="1"/>
    <col min="15362" max="15362" width="11.08203125" style="725" customWidth="1"/>
    <col min="15363" max="15363" width="12.08203125" style="725" customWidth="1"/>
    <col min="15364" max="15367" width="8.58203125" style="725" customWidth="1"/>
    <col min="15368" max="15368" width="11" style="725" customWidth="1"/>
    <col min="15369" max="15369" width="17.58203125" style="725" customWidth="1"/>
    <col min="15370" max="15616" width="9" style="725"/>
    <col min="15617" max="15617" width="7.33203125" style="725" customWidth="1"/>
    <col min="15618" max="15618" width="11.08203125" style="725" customWidth="1"/>
    <col min="15619" max="15619" width="12.08203125" style="725" customWidth="1"/>
    <col min="15620" max="15623" width="8.58203125" style="725" customWidth="1"/>
    <col min="15624" max="15624" width="11" style="725" customWidth="1"/>
    <col min="15625" max="15625" width="17.58203125" style="725" customWidth="1"/>
    <col min="15626" max="15872" width="9" style="725"/>
    <col min="15873" max="15873" width="7.33203125" style="725" customWidth="1"/>
    <col min="15874" max="15874" width="11.08203125" style="725" customWidth="1"/>
    <col min="15875" max="15875" width="12.08203125" style="725" customWidth="1"/>
    <col min="15876" max="15879" width="8.58203125" style="725" customWidth="1"/>
    <col min="15880" max="15880" width="11" style="725" customWidth="1"/>
    <col min="15881" max="15881" width="17.58203125" style="725" customWidth="1"/>
    <col min="15882" max="16128" width="9" style="725"/>
    <col min="16129" max="16129" width="7.33203125" style="725" customWidth="1"/>
    <col min="16130" max="16130" width="11.08203125" style="725" customWidth="1"/>
    <col min="16131" max="16131" width="12.08203125" style="725" customWidth="1"/>
    <col min="16132" max="16135" width="8.58203125" style="725" customWidth="1"/>
    <col min="16136" max="16136" width="11" style="725" customWidth="1"/>
    <col min="16137" max="16137" width="17.58203125" style="725" customWidth="1"/>
    <col min="16138" max="16384" width="9" style="725"/>
  </cols>
  <sheetData>
    <row r="1" spans="1:9" ht="16.5" customHeight="1" x14ac:dyDescent="0.2">
      <c r="A1" s="725" t="s">
        <v>365</v>
      </c>
      <c r="I1" s="748"/>
    </row>
    <row r="2" spans="1:9" ht="22.5" customHeight="1" x14ac:dyDescent="0.2">
      <c r="I2" s="749"/>
    </row>
    <row r="3" spans="1:9" s="750" customFormat="1" ht="25.5" customHeight="1" x14ac:dyDescent="0.2">
      <c r="A3" s="726" t="s">
        <v>282</v>
      </c>
      <c r="B3" s="726"/>
      <c r="C3" s="726"/>
      <c r="D3" s="726"/>
      <c r="E3" s="726"/>
      <c r="F3" s="726"/>
      <c r="G3" s="726"/>
      <c r="H3" s="726"/>
      <c r="I3" s="726"/>
    </row>
    <row r="4" spans="1:9" s="750" customFormat="1" ht="18" customHeight="1" x14ac:dyDescent="0.2">
      <c r="E4" s="751"/>
    </row>
    <row r="5" spans="1:9" ht="45" customHeight="1" x14ac:dyDescent="0.2">
      <c r="A5" s="752" t="s">
        <v>350</v>
      </c>
      <c r="B5" s="753" t="s">
        <v>362</v>
      </c>
      <c r="C5" s="754"/>
      <c r="D5" s="755" t="s">
        <v>281</v>
      </c>
      <c r="E5" s="756"/>
      <c r="F5" s="756"/>
      <c r="G5" s="757"/>
      <c r="H5" s="758" t="s">
        <v>280</v>
      </c>
      <c r="I5" s="730" t="s">
        <v>363</v>
      </c>
    </row>
    <row r="6" spans="1:9" ht="80.150000000000006" customHeight="1" x14ac:dyDescent="0.2">
      <c r="A6" s="739"/>
      <c r="B6" s="765" t="s">
        <v>587</v>
      </c>
      <c r="C6" s="766"/>
      <c r="D6" s="765" t="s">
        <v>588</v>
      </c>
      <c r="E6" s="767"/>
      <c r="F6" s="767"/>
      <c r="G6" s="766"/>
      <c r="H6" s="768" t="s">
        <v>589</v>
      </c>
      <c r="I6" s="739"/>
    </row>
    <row r="7" spans="1:9" ht="80.150000000000006" customHeight="1" x14ac:dyDescent="0.2">
      <c r="A7" s="739"/>
      <c r="B7" s="759"/>
      <c r="C7" s="760"/>
      <c r="D7" s="759"/>
      <c r="E7" s="761"/>
      <c r="F7" s="761"/>
      <c r="G7" s="760"/>
      <c r="H7" s="762"/>
      <c r="I7" s="739"/>
    </row>
    <row r="8" spans="1:9" ht="80.150000000000006" customHeight="1" x14ac:dyDescent="0.2">
      <c r="A8" s="739"/>
      <c r="B8" s="759"/>
      <c r="C8" s="760"/>
      <c r="D8" s="759"/>
      <c r="E8" s="761"/>
      <c r="F8" s="761"/>
      <c r="G8" s="760"/>
      <c r="H8" s="762"/>
      <c r="I8" s="739"/>
    </row>
    <row r="9" spans="1:9" ht="80.150000000000006" customHeight="1" x14ac:dyDescent="0.2">
      <c r="A9" s="739"/>
      <c r="B9" s="759"/>
      <c r="C9" s="760"/>
      <c r="D9" s="759"/>
      <c r="E9" s="761"/>
      <c r="F9" s="761"/>
      <c r="G9" s="760"/>
      <c r="H9" s="762"/>
      <c r="I9" s="739"/>
    </row>
    <row r="10" spans="1:9" ht="80.150000000000006" customHeight="1" x14ac:dyDescent="0.2">
      <c r="A10" s="739"/>
      <c r="B10" s="759"/>
      <c r="C10" s="760"/>
      <c r="D10" s="759"/>
      <c r="E10" s="761"/>
      <c r="F10" s="761"/>
      <c r="G10" s="760"/>
      <c r="H10" s="762"/>
      <c r="I10" s="739"/>
    </row>
    <row r="11" spans="1:9" ht="80.150000000000006" customHeight="1" x14ac:dyDescent="0.2">
      <c r="A11" s="739"/>
      <c r="B11" s="759"/>
      <c r="C11" s="760"/>
      <c r="D11" s="759"/>
      <c r="E11" s="761"/>
      <c r="F11" s="761"/>
      <c r="G11" s="760"/>
      <c r="H11" s="762"/>
      <c r="I11" s="739"/>
    </row>
    <row r="12" spans="1:9" ht="80.150000000000006" customHeight="1" x14ac:dyDescent="0.2">
      <c r="A12" s="739"/>
      <c r="B12" s="759"/>
      <c r="C12" s="760"/>
      <c r="D12" s="759"/>
      <c r="E12" s="761"/>
      <c r="F12" s="761"/>
      <c r="G12" s="760"/>
      <c r="H12" s="762"/>
      <c r="I12" s="739"/>
    </row>
    <row r="13" spans="1:9" ht="20" customHeight="1" x14ac:dyDescent="0.2">
      <c r="A13" s="763" t="s">
        <v>279</v>
      </c>
      <c r="B13" s="763"/>
      <c r="C13" s="763"/>
      <c r="D13" s="763"/>
      <c r="E13" s="763"/>
      <c r="F13" s="763"/>
      <c r="G13" s="763"/>
      <c r="H13" s="763"/>
      <c r="I13" s="763"/>
    </row>
    <row r="14" spans="1:9" ht="20" customHeight="1" x14ac:dyDescent="0.2">
      <c r="A14" s="764" t="s">
        <v>278</v>
      </c>
      <c r="B14" s="764"/>
      <c r="C14" s="764"/>
      <c r="D14" s="764"/>
      <c r="E14" s="764"/>
      <c r="F14" s="764"/>
      <c r="G14" s="764"/>
      <c r="H14" s="764"/>
    </row>
    <row r="15" spans="1:9" ht="20" customHeight="1" x14ac:dyDescent="0.2">
      <c r="A15" s="764" t="s">
        <v>364</v>
      </c>
      <c r="B15" s="764"/>
      <c r="C15" s="764"/>
      <c r="D15" s="764"/>
      <c r="E15" s="764"/>
      <c r="F15" s="764"/>
      <c r="G15" s="764"/>
      <c r="H15" s="764"/>
    </row>
    <row r="16" spans="1:9" ht="55" customHeight="1" x14ac:dyDescent="0.2"/>
    <row r="17" ht="55" customHeight="1" x14ac:dyDescent="0.2"/>
    <row r="18" ht="55" customHeight="1" x14ac:dyDescent="0.2"/>
    <row r="19" ht="55" customHeight="1" x14ac:dyDescent="0.2"/>
    <row r="20" ht="55" customHeight="1" x14ac:dyDescent="0.2"/>
    <row r="21" ht="55" customHeight="1" x14ac:dyDescent="0.2"/>
    <row r="22" ht="55" customHeight="1" x14ac:dyDescent="0.2"/>
    <row r="23" ht="55" customHeight="1" x14ac:dyDescent="0.2"/>
    <row r="24" ht="55" customHeight="1" x14ac:dyDescent="0.2"/>
    <row r="25" ht="55" customHeight="1" x14ac:dyDescent="0.2"/>
    <row r="26" ht="55" customHeight="1" x14ac:dyDescent="0.2"/>
    <row r="27" ht="55" customHeight="1" x14ac:dyDescent="0.2"/>
    <row r="28" ht="55" customHeight="1" x14ac:dyDescent="0.2"/>
    <row r="29" ht="55" customHeight="1" x14ac:dyDescent="0.2"/>
    <row r="30" ht="55" customHeight="1" x14ac:dyDescent="0.2"/>
    <row r="31" ht="55" customHeight="1" x14ac:dyDescent="0.2"/>
    <row r="32" ht="55" customHeight="1" x14ac:dyDescent="0.2"/>
    <row r="33" ht="55" customHeight="1" x14ac:dyDescent="0.2"/>
    <row r="34" ht="55" customHeight="1" x14ac:dyDescent="0.2"/>
    <row r="35" ht="55" customHeight="1" x14ac:dyDescent="0.2"/>
    <row r="36" ht="55" customHeight="1" x14ac:dyDescent="0.2"/>
    <row r="37" ht="55" customHeight="1" x14ac:dyDescent="0.2"/>
    <row r="38" ht="55" customHeight="1" x14ac:dyDescent="0.2"/>
    <row r="39" ht="55" customHeight="1" x14ac:dyDescent="0.2"/>
    <row r="40" ht="55" customHeight="1" x14ac:dyDescent="0.2"/>
    <row r="41" ht="55" customHeight="1" x14ac:dyDescent="0.2"/>
    <row r="42" ht="55" customHeight="1" x14ac:dyDescent="0.2"/>
    <row r="43" ht="55" customHeight="1" x14ac:dyDescent="0.2"/>
    <row r="44" ht="55" customHeight="1" x14ac:dyDescent="0.2"/>
    <row r="45" ht="55" customHeight="1" x14ac:dyDescent="0.2"/>
    <row r="46" ht="55" customHeight="1" x14ac:dyDescent="0.2"/>
    <row r="47" ht="55" customHeight="1" x14ac:dyDescent="0.2"/>
    <row r="48" ht="55" customHeight="1" x14ac:dyDescent="0.2"/>
    <row r="49" ht="55" customHeight="1" x14ac:dyDescent="0.2"/>
    <row r="50" ht="55" customHeight="1" x14ac:dyDescent="0.2"/>
    <row r="51" ht="55" customHeight="1" x14ac:dyDescent="0.2"/>
    <row r="52" ht="55" customHeight="1" x14ac:dyDescent="0.2"/>
    <row r="53" ht="55" customHeight="1" x14ac:dyDescent="0.2"/>
    <row r="54" ht="55" customHeight="1" x14ac:dyDescent="0.2"/>
    <row r="55" ht="55" customHeight="1" x14ac:dyDescent="0.2"/>
    <row r="56" ht="55" customHeight="1" x14ac:dyDescent="0.2"/>
    <row r="57" ht="55" customHeight="1" x14ac:dyDescent="0.2"/>
    <row r="58" ht="55" customHeight="1" x14ac:dyDescent="0.2"/>
  </sheetData>
  <mergeCells count="20">
    <mergeCell ref="B7:C7"/>
    <mergeCell ref="D7:G7"/>
    <mergeCell ref="A3:I3"/>
    <mergeCell ref="B5:C5"/>
    <mergeCell ref="D5:G5"/>
    <mergeCell ref="B6:C6"/>
    <mergeCell ref="D6:G6"/>
    <mergeCell ref="B8:C8"/>
    <mergeCell ref="D8:G8"/>
    <mergeCell ref="B9:C9"/>
    <mergeCell ref="D9:G9"/>
    <mergeCell ref="B10:C10"/>
    <mergeCell ref="D10:G10"/>
    <mergeCell ref="A15:H15"/>
    <mergeCell ref="B11:C11"/>
    <mergeCell ref="D11:G11"/>
    <mergeCell ref="B12:C12"/>
    <mergeCell ref="D12:G12"/>
    <mergeCell ref="A13:I13"/>
    <mergeCell ref="A14:H14"/>
  </mergeCells>
  <phoneticPr fontId="1"/>
  <printOptions horizontalCentered="1"/>
  <pageMargins left="0.70866141732283472" right="0.70866141732283472" top="0.74803149606299213" bottom="0.74803149606299213" header="0.31496062992125984" footer="0.31496062992125984"/>
  <pageSetup paperSize="9" scale="86"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26"/>
  <sheetViews>
    <sheetView zoomScaleNormal="100" workbookViewId="0">
      <selection activeCell="F17" sqref="F17"/>
    </sheetView>
  </sheetViews>
  <sheetFormatPr defaultColWidth="9" defaultRowHeight="31.5" customHeight="1" x14ac:dyDescent="0.2"/>
  <cols>
    <col min="1" max="1" width="9" style="147" customWidth="1"/>
    <col min="2" max="2" width="14.08203125" style="148" customWidth="1"/>
    <col min="3" max="3" width="18.83203125" style="148" customWidth="1"/>
    <col min="4" max="4" width="23.33203125" style="148" customWidth="1"/>
    <col min="5" max="5" width="17.83203125" style="148" customWidth="1"/>
    <col min="6" max="6" width="10.5" style="148" customWidth="1"/>
    <col min="7" max="7" width="9.1640625" style="148" customWidth="1"/>
    <col min="8" max="8" width="10.6640625" style="148" customWidth="1"/>
    <col min="9" max="16384" width="9" style="148"/>
  </cols>
  <sheetData>
    <row r="1" spans="1:8" ht="31.5" customHeight="1" x14ac:dyDescent="0.2">
      <c r="A1" s="147" t="s">
        <v>283</v>
      </c>
      <c r="B1" s="493" t="s">
        <v>191</v>
      </c>
      <c r="C1" s="493"/>
      <c r="D1" s="493"/>
      <c r="E1" s="493"/>
      <c r="F1" s="493"/>
      <c r="G1" s="493"/>
    </row>
    <row r="2" spans="1:8" ht="31.5" customHeight="1" thickBot="1" x14ac:dyDescent="0.25"/>
    <row r="3" spans="1:8" ht="31.5" customHeight="1" thickBot="1" x14ac:dyDescent="0.25">
      <c r="B3" s="778" t="s">
        <v>616</v>
      </c>
      <c r="C3" s="779"/>
      <c r="D3" s="780"/>
    </row>
    <row r="5" spans="1:8" ht="31.5" customHeight="1" x14ac:dyDescent="0.2">
      <c r="A5" s="149" t="s">
        <v>192</v>
      </c>
      <c r="B5" s="149" t="s">
        <v>193</v>
      </c>
      <c r="C5" s="150" t="s">
        <v>194</v>
      </c>
      <c r="D5" s="150" t="s">
        <v>195</v>
      </c>
      <c r="E5" s="150" t="s">
        <v>196</v>
      </c>
      <c r="F5" s="150" t="s">
        <v>197</v>
      </c>
      <c r="G5" s="150" t="s">
        <v>198</v>
      </c>
      <c r="H5" s="151" t="s">
        <v>199</v>
      </c>
    </row>
    <row r="6" spans="1:8" ht="31.5" customHeight="1" x14ac:dyDescent="0.2">
      <c r="A6" s="152">
        <v>1</v>
      </c>
      <c r="B6" s="771" t="s">
        <v>590</v>
      </c>
      <c r="C6" s="772" t="s">
        <v>591</v>
      </c>
      <c r="D6" s="772" t="s">
        <v>592</v>
      </c>
      <c r="E6" s="773">
        <v>27485</v>
      </c>
      <c r="F6" s="770" t="s">
        <v>593</v>
      </c>
      <c r="G6" s="770">
        <v>3</v>
      </c>
      <c r="H6" s="774"/>
    </row>
    <row r="7" spans="1:8" ht="31.5" customHeight="1" x14ac:dyDescent="0.2">
      <c r="A7" s="152">
        <v>2</v>
      </c>
      <c r="B7" s="775" t="s">
        <v>590</v>
      </c>
      <c r="C7" s="774" t="s">
        <v>594</v>
      </c>
      <c r="D7" s="772" t="s">
        <v>595</v>
      </c>
      <c r="E7" s="776">
        <v>38991</v>
      </c>
      <c r="F7" s="769" t="s">
        <v>596</v>
      </c>
      <c r="G7" s="769">
        <v>2</v>
      </c>
      <c r="H7" s="774"/>
    </row>
    <row r="8" spans="1:8" ht="31.5" customHeight="1" x14ac:dyDescent="0.2">
      <c r="A8" s="152">
        <v>3</v>
      </c>
      <c r="B8" s="775" t="s">
        <v>597</v>
      </c>
      <c r="C8" s="777" t="s">
        <v>597</v>
      </c>
      <c r="D8" s="772" t="s">
        <v>597</v>
      </c>
      <c r="E8" s="776" t="s">
        <v>597</v>
      </c>
      <c r="F8" s="769" t="s">
        <v>597</v>
      </c>
      <c r="G8" s="769" t="s">
        <v>598</v>
      </c>
      <c r="H8" s="774"/>
    </row>
    <row r="9" spans="1:8" ht="31.5" customHeight="1" x14ac:dyDescent="0.2">
      <c r="A9" s="150">
        <v>4</v>
      </c>
      <c r="B9" s="775" t="s">
        <v>597</v>
      </c>
      <c r="C9" s="774" t="s">
        <v>597</v>
      </c>
      <c r="D9" s="774" t="s">
        <v>597</v>
      </c>
      <c r="E9" s="774" t="s">
        <v>597</v>
      </c>
      <c r="F9" s="769" t="s">
        <v>597</v>
      </c>
      <c r="G9" s="769" t="s">
        <v>598</v>
      </c>
      <c r="H9" s="774"/>
    </row>
    <row r="10" spans="1:8" ht="31.5" customHeight="1" x14ac:dyDescent="0.2">
      <c r="A10" s="150">
        <v>5</v>
      </c>
      <c r="B10" s="154"/>
      <c r="C10" s="153"/>
      <c r="D10" s="153"/>
      <c r="E10" s="153"/>
      <c r="F10" s="150"/>
      <c r="G10" s="150"/>
      <c r="H10" s="153"/>
    </row>
    <row r="11" spans="1:8" ht="31.5" customHeight="1" x14ac:dyDescent="0.2">
      <c r="A11" s="150">
        <v>6</v>
      </c>
      <c r="B11" s="154"/>
      <c r="C11" s="153"/>
      <c r="D11" s="153"/>
      <c r="E11" s="153"/>
      <c r="F11" s="150"/>
      <c r="G11" s="150"/>
      <c r="H11" s="153"/>
    </row>
    <row r="12" spans="1:8" ht="31.5" customHeight="1" x14ac:dyDescent="0.2">
      <c r="A12" s="150">
        <v>7</v>
      </c>
      <c r="B12" s="154"/>
      <c r="C12" s="153"/>
      <c r="D12" s="153"/>
      <c r="E12" s="153"/>
      <c r="F12" s="150"/>
      <c r="G12" s="150"/>
      <c r="H12" s="153"/>
    </row>
    <row r="13" spans="1:8" ht="31.5" customHeight="1" x14ac:dyDescent="0.2">
      <c r="A13" s="150">
        <v>8</v>
      </c>
      <c r="B13" s="154"/>
      <c r="C13" s="153"/>
      <c r="D13" s="153"/>
      <c r="E13" s="153"/>
      <c r="F13" s="150"/>
      <c r="G13" s="150"/>
      <c r="H13" s="153"/>
    </row>
    <row r="14" spans="1:8" ht="31.5" customHeight="1" x14ac:dyDescent="0.2">
      <c r="A14" s="150">
        <v>9</v>
      </c>
      <c r="B14" s="154"/>
      <c r="C14" s="153"/>
      <c r="D14" s="153"/>
      <c r="E14" s="153"/>
      <c r="F14" s="153"/>
      <c r="G14" s="153"/>
      <c r="H14" s="153"/>
    </row>
    <row r="15" spans="1:8" ht="31.5" customHeight="1" x14ac:dyDescent="0.2">
      <c r="A15" s="150">
        <v>10</v>
      </c>
      <c r="B15" s="154"/>
      <c r="C15" s="153"/>
      <c r="D15" s="153"/>
      <c r="E15" s="153"/>
      <c r="F15" s="153"/>
      <c r="G15" s="153"/>
      <c r="H15" s="153"/>
    </row>
    <row r="16" spans="1:8" ht="31.5" customHeight="1" x14ac:dyDescent="0.2">
      <c r="A16" s="150">
        <v>11</v>
      </c>
      <c r="B16" s="154"/>
      <c r="C16" s="153"/>
      <c r="D16" s="153"/>
      <c r="E16" s="153"/>
      <c r="F16" s="153"/>
      <c r="G16" s="153"/>
      <c r="H16" s="153"/>
    </row>
    <row r="17" spans="1:8" ht="31.5" customHeight="1" x14ac:dyDescent="0.2">
      <c r="A17" s="150">
        <v>12</v>
      </c>
      <c r="B17" s="154"/>
      <c r="C17" s="153"/>
      <c r="D17" s="153"/>
      <c r="E17" s="153"/>
      <c r="F17" s="153"/>
      <c r="G17" s="153"/>
      <c r="H17" s="153"/>
    </row>
    <row r="18" spans="1:8" ht="31.5" customHeight="1" x14ac:dyDescent="0.2">
      <c r="A18" s="150">
        <v>13</v>
      </c>
      <c r="B18" s="155"/>
      <c r="C18" s="153"/>
      <c r="D18" s="153"/>
      <c r="E18" s="153"/>
      <c r="F18" s="153"/>
      <c r="G18" s="153"/>
      <c r="H18" s="153"/>
    </row>
    <row r="19" spans="1:8" ht="31.5" customHeight="1" x14ac:dyDescent="0.2">
      <c r="A19" s="150">
        <v>14</v>
      </c>
      <c r="B19" s="155"/>
      <c r="C19" s="153"/>
      <c r="D19" s="153"/>
      <c r="E19" s="153"/>
      <c r="F19" s="153"/>
      <c r="G19" s="153"/>
      <c r="H19" s="153"/>
    </row>
    <row r="20" spans="1:8" ht="31.5" customHeight="1" x14ac:dyDescent="0.2">
      <c r="A20" s="150">
        <v>15</v>
      </c>
      <c r="B20" s="155"/>
      <c r="C20" s="153"/>
      <c r="D20" s="153"/>
      <c r="E20" s="153"/>
      <c r="F20" s="153"/>
      <c r="G20" s="153"/>
      <c r="H20" s="153"/>
    </row>
    <row r="21" spans="1:8" ht="31.5" customHeight="1" x14ac:dyDescent="0.2">
      <c r="A21" s="150">
        <v>16</v>
      </c>
      <c r="B21" s="155"/>
      <c r="C21" s="153"/>
      <c r="D21" s="153"/>
      <c r="E21" s="153"/>
      <c r="F21" s="153"/>
      <c r="G21" s="153"/>
      <c r="H21" s="153"/>
    </row>
    <row r="22" spans="1:8" ht="31.5" customHeight="1" x14ac:dyDescent="0.2">
      <c r="A22" s="150">
        <v>17</v>
      </c>
      <c r="B22" s="155"/>
      <c r="C22" s="153"/>
      <c r="D22" s="153"/>
      <c r="E22" s="153"/>
      <c r="F22" s="153"/>
      <c r="G22" s="153"/>
      <c r="H22" s="153"/>
    </row>
    <row r="23" spans="1:8" ht="31.5" customHeight="1" x14ac:dyDescent="0.2">
      <c r="A23" s="150">
        <v>18</v>
      </c>
      <c r="B23" s="155"/>
      <c r="C23" s="153"/>
      <c r="D23" s="153"/>
      <c r="E23" s="153"/>
      <c r="F23" s="153"/>
      <c r="G23" s="153"/>
      <c r="H23" s="153"/>
    </row>
    <row r="24" spans="1:8" ht="31.5" customHeight="1" x14ac:dyDescent="0.2">
      <c r="A24" s="150">
        <v>19</v>
      </c>
      <c r="B24" s="155"/>
      <c r="C24" s="153"/>
      <c r="D24" s="153"/>
      <c r="E24" s="153"/>
      <c r="F24" s="153"/>
      <c r="G24" s="153"/>
      <c r="H24" s="153"/>
    </row>
    <row r="25" spans="1:8" ht="31.5" customHeight="1" thickBot="1" x14ac:dyDescent="0.25">
      <c r="A25" s="156">
        <v>20</v>
      </c>
      <c r="B25" s="157"/>
      <c r="C25" s="158"/>
      <c r="D25" s="158"/>
      <c r="E25" s="158"/>
      <c r="F25" s="158"/>
      <c r="G25" s="158"/>
      <c r="H25" s="158"/>
    </row>
    <row r="26" spans="1:8" ht="31.5" customHeight="1" thickTop="1" x14ac:dyDescent="0.2">
      <c r="A26" s="152"/>
      <c r="B26" s="159" t="s">
        <v>200</v>
      </c>
      <c r="C26" s="160" t="s">
        <v>201</v>
      </c>
      <c r="D26" s="161"/>
      <c r="E26" s="161"/>
      <c r="F26" s="161"/>
      <c r="G26" s="160" t="s">
        <v>202</v>
      </c>
      <c r="H26" s="162"/>
    </row>
  </sheetData>
  <mergeCells count="2">
    <mergeCell ref="B1:G1"/>
    <mergeCell ref="B3:D3"/>
  </mergeCells>
  <phoneticPr fontId="1"/>
  <printOptions horizontalCentered="1" verticalCentered="1"/>
  <pageMargins left="0.9055118110236221" right="0.70866141732283472" top="0.74803149606299213" bottom="0.74803149606299213" header="0.31496062992125984" footer="0.31496062992125984"/>
  <pageSetup paperSize="9" scale="70" orientation="portrait" horizontalDpi="300" verticalDpi="300" r:id="rId1"/>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64"/>
  <sheetViews>
    <sheetView zoomScaleNormal="100" workbookViewId="0">
      <selection activeCell="D23" sqref="D23"/>
    </sheetView>
  </sheetViews>
  <sheetFormatPr defaultColWidth="9" defaultRowHeight="14" x14ac:dyDescent="0.2"/>
  <cols>
    <col min="1" max="1" width="27" style="225" customWidth="1"/>
    <col min="2" max="2" width="55.33203125" style="225" customWidth="1"/>
    <col min="3" max="16384" width="9" style="225"/>
  </cols>
  <sheetData>
    <row r="1" spans="1:3" s="148" customFormat="1" ht="16.5" customHeight="1" x14ac:dyDescent="0.2">
      <c r="A1" s="148" t="s">
        <v>366</v>
      </c>
      <c r="B1" s="163" t="s">
        <v>203</v>
      </c>
    </row>
    <row r="2" spans="1:3" ht="54.75" customHeight="1" x14ac:dyDescent="0.2"/>
    <row r="3" spans="1:3" ht="34.5" customHeight="1" x14ac:dyDescent="0.2">
      <c r="A3" s="494" t="s">
        <v>204</v>
      </c>
      <c r="B3" s="494"/>
    </row>
    <row r="4" spans="1:3" ht="7.5" customHeight="1" x14ac:dyDescent="0.2">
      <c r="A4" s="227"/>
      <c r="B4" s="227"/>
    </row>
    <row r="5" spans="1:3" ht="20.149999999999999" customHeight="1" x14ac:dyDescent="0.2">
      <c r="C5" s="164"/>
    </row>
    <row r="6" spans="1:3" s="224" customFormat="1" ht="18" customHeight="1" x14ac:dyDescent="0.2">
      <c r="A6" s="495" t="s">
        <v>209</v>
      </c>
      <c r="B6" s="495"/>
    </row>
    <row r="7" spans="1:3" s="224" customFormat="1" ht="7.5" customHeight="1" x14ac:dyDescent="0.2">
      <c r="A7" s="228"/>
      <c r="B7" s="228"/>
    </row>
    <row r="8" spans="1:3" s="224" customFormat="1" ht="20.149999999999999" customHeight="1" x14ac:dyDescent="0.2">
      <c r="A8" s="496"/>
      <c r="B8" s="496"/>
    </row>
    <row r="9" spans="1:3" s="224" customFormat="1" ht="18" customHeight="1" x14ac:dyDescent="0.2">
      <c r="A9" s="496" t="s">
        <v>205</v>
      </c>
      <c r="B9" s="496"/>
    </row>
    <row r="10" spans="1:3" s="224" customFormat="1" ht="20.149999999999999" customHeight="1" x14ac:dyDescent="0.2">
      <c r="A10" s="496"/>
      <c r="B10" s="496"/>
    </row>
    <row r="11" spans="1:3" s="224" customFormat="1" ht="20.149999999999999" customHeight="1" x14ac:dyDescent="0.2">
      <c r="A11" s="496"/>
      <c r="B11" s="496"/>
    </row>
    <row r="12" spans="1:3" s="224" customFormat="1" ht="8.25" customHeight="1" x14ac:dyDescent="0.2">
      <c r="A12" s="226"/>
      <c r="B12" s="226"/>
    </row>
    <row r="13" spans="1:3" s="224" customFormat="1" ht="17.5" customHeight="1" x14ac:dyDescent="0.2">
      <c r="A13" s="496" t="s">
        <v>210</v>
      </c>
      <c r="B13" s="496"/>
    </row>
    <row r="14" spans="1:3" s="224" customFormat="1" ht="17.5" customHeight="1" x14ac:dyDescent="0.2">
      <c r="A14" s="496" t="s">
        <v>211</v>
      </c>
      <c r="B14" s="496"/>
    </row>
    <row r="15" spans="1:3" s="224" customFormat="1" ht="17.5" customHeight="1" x14ac:dyDescent="0.2">
      <c r="A15" s="497" t="s">
        <v>212</v>
      </c>
      <c r="B15" s="497"/>
    </row>
    <row r="16" spans="1:3" s="224" customFormat="1" ht="20.149999999999999" customHeight="1" x14ac:dyDescent="0.2">
      <c r="A16" s="496"/>
      <c r="B16" s="496"/>
    </row>
    <row r="17" spans="1:2" s="224" customFormat="1" ht="20.149999999999999" customHeight="1" x14ac:dyDescent="0.2">
      <c r="A17" s="496"/>
      <c r="B17" s="496"/>
    </row>
    <row r="18" spans="1:2" s="224" customFormat="1" ht="20.149999999999999" customHeight="1" x14ac:dyDescent="0.2">
      <c r="A18" s="496"/>
      <c r="B18" s="496"/>
    </row>
    <row r="19" spans="1:2" s="224" customFormat="1" ht="17.5" customHeight="1" x14ac:dyDescent="0.2">
      <c r="A19" s="498" t="s">
        <v>617</v>
      </c>
      <c r="B19" s="498"/>
    </row>
    <row r="20" spans="1:2" s="224" customFormat="1" ht="17.5" customHeight="1" x14ac:dyDescent="0.2">
      <c r="A20" s="498"/>
      <c r="B20" s="498"/>
    </row>
    <row r="21" spans="1:2" s="224" customFormat="1" ht="20.149999999999999" customHeight="1" x14ac:dyDescent="0.2">
      <c r="A21" s="226"/>
      <c r="B21" s="226"/>
    </row>
    <row r="22" spans="1:2" s="224" customFormat="1" ht="9" customHeight="1" x14ac:dyDescent="0.2">
      <c r="A22" s="496"/>
      <c r="B22" s="496"/>
    </row>
    <row r="23" spans="1:2" s="224" customFormat="1" ht="20.149999999999999" customHeight="1" x14ac:dyDescent="0.2">
      <c r="A23" s="499" t="s">
        <v>206</v>
      </c>
      <c r="B23" s="499"/>
    </row>
    <row r="24" spans="1:2" s="224" customFormat="1" ht="8.25" customHeight="1" x14ac:dyDescent="0.2">
      <c r="A24" s="496"/>
      <c r="B24" s="496"/>
    </row>
    <row r="25" spans="1:2" s="224" customFormat="1" ht="20.149999999999999" customHeight="1" x14ac:dyDescent="0.2">
      <c r="A25" s="496"/>
      <c r="B25" s="496"/>
    </row>
    <row r="26" spans="1:2" s="224" customFormat="1" ht="20.149999999999999" customHeight="1" x14ac:dyDescent="0.2">
      <c r="A26" s="165" t="s">
        <v>207</v>
      </c>
      <c r="B26" s="165"/>
    </row>
    <row r="27" spans="1:2" s="224" customFormat="1" ht="20.149999999999999" customHeight="1" x14ac:dyDescent="0.2">
      <c r="A27" s="165" t="s">
        <v>208</v>
      </c>
      <c r="B27" s="165"/>
    </row>
    <row r="28" spans="1:2" s="224" customFormat="1" ht="20.149999999999999" customHeight="1" x14ac:dyDescent="0.2">
      <c r="A28" s="165" t="s">
        <v>213</v>
      </c>
      <c r="B28" s="165"/>
    </row>
    <row r="29" spans="1:2" s="224" customFormat="1" ht="20.149999999999999" customHeight="1" x14ac:dyDescent="0.2">
      <c r="A29" s="165" t="s">
        <v>214</v>
      </c>
      <c r="B29" s="165"/>
    </row>
    <row r="30" spans="1:2" s="224" customFormat="1" ht="20.149999999999999" customHeight="1" x14ac:dyDescent="0.2">
      <c r="A30" s="165" t="s">
        <v>215</v>
      </c>
      <c r="B30" s="165"/>
    </row>
    <row r="31" spans="1:2" s="224" customFormat="1" ht="20.149999999999999" customHeight="1" x14ac:dyDescent="0.2">
      <c r="A31" s="165" t="s">
        <v>216</v>
      </c>
      <c r="B31" s="165"/>
    </row>
    <row r="32" spans="1:2" s="224" customFormat="1" ht="20.149999999999999" customHeight="1" x14ac:dyDescent="0.2">
      <c r="A32" s="165" t="s">
        <v>217</v>
      </c>
      <c r="B32" s="165"/>
    </row>
    <row r="33" spans="1:2" s="224" customFormat="1" ht="20.149999999999999" customHeight="1" x14ac:dyDescent="0.2">
      <c r="A33" s="165" t="s">
        <v>218</v>
      </c>
      <c r="B33" s="165"/>
    </row>
    <row r="34" spans="1:2" s="224" customFormat="1" ht="20.149999999999999" customHeight="1" x14ac:dyDescent="0.2">
      <c r="A34" s="496"/>
      <c r="B34" s="496"/>
    </row>
    <row r="35" spans="1:2" s="224" customFormat="1" ht="20.149999999999999" customHeight="1" x14ac:dyDescent="0.2">
      <c r="A35" s="496"/>
      <c r="B35" s="496"/>
    </row>
    <row r="36" spans="1:2" s="224" customFormat="1" ht="20.149999999999999" customHeight="1" x14ac:dyDescent="0.2">
      <c r="A36" s="500"/>
      <c r="B36" s="496"/>
    </row>
    <row r="37" spans="1:2" s="224" customFormat="1" ht="20.149999999999999" customHeight="1" x14ac:dyDescent="0.2">
      <c r="A37" s="496"/>
      <c r="B37" s="496"/>
    </row>
    <row r="38" spans="1:2" s="224" customFormat="1" ht="20.149999999999999" customHeight="1" x14ac:dyDescent="0.2">
      <c r="A38" s="496"/>
      <c r="B38" s="496"/>
    </row>
    <row r="39" spans="1:2" s="224" customFormat="1" ht="20.149999999999999" customHeight="1" x14ac:dyDescent="0.2">
      <c r="A39" s="501"/>
      <c r="B39" s="501"/>
    </row>
    <row r="40" spans="1:2" s="224" customFormat="1" ht="20.149999999999999" customHeight="1" x14ac:dyDescent="0.2">
      <c r="A40" s="501"/>
      <c r="B40" s="501"/>
    </row>
    <row r="41" spans="1:2" s="224" customFormat="1" ht="20.149999999999999" customHeight="1" x14ac:dyDescent="0.2">
      <c r="A41" s="501"/>
      <c r="B41" s="501"/>
    </row>
    <row r="42" spans="1:2" s="224" customFormat="1" ht="17.5" customHeight="1" x14ac:dyDescent="0.2">
      <c r="A42" s="501"/>
      <c r="B42" s="501"/>
    </row>
    <row r="43" spans="1:2" s="224" customFormat="1" ht="17.5" customHeight="1" x14ac:dyDescent="0.2">
      <c r="A43" s="501"/>
      <c r="B43" s="501"/>
    </row>
    <row r="44" spans="1:2" s="224" customFormat="1" ht="17.5" customHeight="1" x14ac:dyDescent="0.2">
      <c r="A44" s="501"/>
      <c r="B44" s="501"/>
    </row>
    <row r="45" spans="1:2" ht="17.5" customHeight="1" x14ac:dyDescent="0.2">
      <c r="A45" s="502"/>
      <c r="B45" s="502"/>
    </row>
    <row r="46" spans="1:2" ht="17.5" customHeight="1" x14ac:dyDescent="0.2">
      <c r="A46" s="502"/>
      <c r="B46" s="502"/>
    </row>
    <row r="47" spans="1:2" ht="17.5" customHeight="1" x14ac:dyDescent="0.2"/>
    <row r="48" spans="1:2" ht="17.5" customHeight="1" x14ac:dyDescent="0.2"/>
    <row r="49" ht="17.5" customHeight="1" x14ac:dyDescent="0.2"/>
    <row r="50" ht="17.5" customHeight="1" x14ac:dyDescent="0.2"/>
    <row r="51" ht="17.5" customHeight="1" x14ac:dyDescent="0.2"/>
    <row r="52" ht="17.5" customHeight="1" x14ac:dyDescent="0.2"/>
    <row r="53" ht="17.5" customHeight="1" x14ac:dyDescent="0.2"/>
    <row r="54" ht="17.5" customHeight="1" x14ac:dyDescent="0.2"/>
    <row r="55" ht="17.5" customHeight="1" x14ac:dyDescent="0.2"/>
    <row r="56" ht="15" customHeight="1" x14ac:dyDescent="0.2"/>
    <row r="57" ht="15" customHeight="1" x14ac:dyDescent="0.2"/>
    <row r="58" ht="15" customHeight="1" x14ac:dyDescent="0.2"/>
    <row r="59" ht="15" customHeight="1" x14ac:dyDescent="0.2"/>
    <row r="60" ht="15" customHeight="1" x14ac:dyDescent="0.2"/>
    <row r="61" ht="15" customHeight="1" x14ac:dyDescent="0.2"/>
    <row r="62" ht="15" customHeight="1" x14ac:dyDescent="0.2"/>
    <row r="63" ht="15" customHeight="1" x14ac:dyDescent="0.2"/>
    <row r="64" ht="15" customHeight="1" x14ac:dyDescent="0.2"/>
  </sheetData>
  <mergeCells count="30">
    <mergeCell ref="A42:B42"/>
    <mergeCell ref="A43:B43"/>
    <mergeCell ref="A44:B44"/>
    <mergeCell ref="A45:B45"/>
    <mergeCell ref="A46:B46"/>
    <mergeCell ref="A37:B37"/>
    <mergeCell ref="A38:B38"/>
    <mergeCell ref="A39:B39"/>
    <mergeCell ref="A40:B40"/>
    <mergeCell ref="A41:B41"/>
    <mergeCell ref="A24:B24"/>
    <mergeCell ref="A25:B25"/>
    <mergeCell ref="A34:B34"/>
    <mergeCell ref="A35:B35"/>
    <mergeCell ref="A36:B36"/>
    <mergeCell ref="A17:B17"/>
    <mergeCell ref="A18:B18"/>
    <mergeCell ref="A19:B20"/>
    <mergeCell ref="A22:B22"/>
    <mergeCell ref="A23:B23"/>
    <mergeCell ref="A11:B11"/>
    <mergeCell ref="A13:B13"/>
    <mergeCell ref="A14:B14"/>
    <mergeCell ref="A15:B15"/>
    <mergeCell ref="A16:B16"/>
    <mergeCell ref="A3:B3"/>
    <mergeCell ref="A6:B6"/>
    <mergeCell ref="A8:B8"/>
    <mergeCell ref="A9:B9"/>
    <mergeCell ref="A10:B10"/>
  </mergeCells>
  <phoneticPr fontId="1"/>
  <printOptions horizontalCentered="1" verticalCentered="1"/>
  <pageMargins left="0.9055118110236221" right="0.70866141732283472" top="0.74803149606299213" bottom="0.74803149606299213" header="0.31496062992125984" footer="0.31496062992125984"/>
  <pageSetup paperSize="9" scale="96" orientation="portrait" horizontalDpi="300" verticalDpi="300" r:id="rId1"/>
  <colBreaks count="1" manualBreakCount="1">
    <brk id="2" min="1" max="7" man="1"/>
  </colBreaks>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32"/>
  <sheetViews>
    <sheetView view="pageBreakPreview" zoomScale="60" zoomScaleNormal="100" workbookViewId="0">
      <selection activeCell="E4" sqref="E4"/>
    </sheetView>
  </sheetViews>
  <sheetFormatPr defaultColWidth="9" defaultRowHeight="31.5" customHeight="1" x14ac:dyDescent="0.2"/>
  <cols>
    <col min="1" max="1" width="16.6640625" style="147" customWidth="1"/>
    <col min="2" max="2" width="7" style="148" customWidth="1"/>
    <col min="3" max="9" width="17" style="148" customWidth="1"/>
    <col min="10" max="16384" width="9" style="148"/>
  </cols>
  <sheetData>
    <row r="1" spans="1:9" ht="31.5" customHeight="1" x14ac:dyDescent="0.2">
      <c r="A1" s="784" t="s">
        <v>521</v>
      </c>
      <c r="B1" s="493" t="s">
        <v>284</v>
      </c>
      <c r="C1" s="493"/>
      <c r="D1" s="493"/>
      <c r="E1" s="493"/>
      <c r="F1" s="493"/>
      <c r="G1" s="493"/>
      <c r="H1" s="493"/>
      <c r="I1" s="493"/>
    </row>
    <row r="3" spans="1:9" ht="31.5" customHeight="1" x14ac:dyDescent="0.2">
      <c r="A3" s="785" t="s">
        <v>285</v>
      </c>
      <c r="B3" s="785"/>
      <c r="C3" s="785"/>
      <c r="D3" s="785"/>
    </row>
    <row r="5" spans="1:9" ht="31.5" customHeight="1" x14ac:dyDescent="0.2">
      <c r="A5" s="149" t="s">
        <v>286</v>
      </c>
      <c r="B5" s="149" t="s">
        <v>287</v>
      </c>
      <c r="C5" s="150" t="s">
        <v>288</v>
      </c>
      <c r="D5" s="150" t="s">
        <v>289</v>
      </c>
      <c r="E5" s="150" t="s">
        <v>290</v>
      </c>
      <c r="F5" s="150" t="s">
        <v>291</v>
      </c>
      <c r="G5" s="150" t="s">
        <v>292</v>
      </c>
      <c r="H5" s="150" t="s">
        <v>293</v>
      </c>
      <c r="I5" s="150" t="s">
        <v>294</v>
      </c>
    </row>
    <row r="6" spans="1:9" ht="31.5" customHeight="1" x14ac:dyDescent="0.2">
      <c r="A6" s="152"/>
      <c r="B6" s="781"/>
      <c r="C6" s="162"/>
      <c r="D6" s="162"/>
      <c r="E6" s="162"/>
      <c r="F6" s="162"/>
      <c r="G6" s="162"/>
      <c r="H6" s="162"/>
      <c r="I6" s="162"/>
    </row>
    <row r="7" spans="1:9" ht="31.5" customHeight="1" x14ac:dyDescent="0.2">
      <c r="A7" s="152"/>
      <c r="B7" s="154"/>
      <c r="C7" s="153"/>
      <c r="D7" s="153"/>
      <c r="E7" s="153"/>
      <c r="F7" s="153"/>
      <c r="G7" s="153"/>
      <c r="H7" s="153"/>
      <c r="I7" s="153"/>
    </row>
    <row r="8" spans="1:9" ht="31.5" customHeight="1" x14ac:dyDescent="0.2">
      <c r="A8" s="152"/>
      <c r="B8" s="154"/>
      <c r="C8" s="782"/>
      <c r="D8" s="782"/>
      <c r="E8" s="782"/>
      <c r="F8" s="782"/>
      <c r="G8" s="782"/>
      <c r="H8" s="782"/>
      <c r="I8" s="782"/>
    </row>
    <row r="9" spans="1:9" ht="31.5" customHeight="1" x14ac:dyDescent="0.2">
      <c r="A9" s="152"/>
      <c r="B9" s="154"/>
      <c r="C9" s="153"/>
      <c r="D9" s="153"/>
      <c r="E9" s="153"/>
      <c r="F9" s="153"/>
      <c r="G9" s="153"/>
      <c r="H9" s="153"/>
      <c r="I9" s="153"/>
    </row>
    <row r="10" spans="1:9" ht="31.5" customHeight="1" x14ac:dyDescent="0.2">
      <c r="A10" s="152"/>
      <c r="B10" s="154"/>
      <c r="C10" s="153"/>
      <c r="D10" s="153"/>
      <c r="E10" s="153"/>
      <c r="F10" s="153"/>
      <c r="G10" s="153"/>
      <c r="H10" s="153"/>
      <c r="I10" s="153"/>
    </row>
    <row r="11" spans="1:9" ht="31.5" customHeight="1" x14ac:dyDescent="0.2">
      <c r="A11" s="152"/>
      <c r="B11" s="154"/>
      <c r="C11" s="153"/>
      <c r="D11" s="153"/>
      <c r="E11" s="153"/>
      <c r="F11" s="153"/>
      <c r="G11" s="153"/>
      <c r="H11" s="153"/>
      <c r="I11" s="153"/>
    </row>
    <row r="12" spans="1:9" ht="31.5" customHeight="1" x14ac:dyDescent="0.2">
      <c r="A12" s="152"/>
      <c r="B12" s="154"/>
      <c r="C12" s="153"/>
      <c r="D12" s="153"/>
      <c r="E12" s="153"/>
      <c r="F12" s="153"/>
      <c r="G12" s="153"/>
      <c r="H12" s="153"/>
      <c r="I12" s="153"/>
    </row>
    <row r="13" spans="1:9" ht="31.5" customHeight="1" x14ac:dyDescent="0.2">
      <c r="A13" s="152"/>
      <c r="B13" s="154"/>
      <c r="C13" s="153"/>
      <c r="D13" s="153"/>
      <c r="E13" s="153"/>
      <c r="F13" s="153"/>
      <c r="G13" s="153"/>
      <c r="H13" s="153"/>
      <c r="I13" s="153"/>
    </row>
    <row r="14" spans="1:9" ht="31.5" customHeight="1" x14ac:dyDescent="0.2">
      <c r="A14" s="152"/>
      <c r="B14" s="154"/>
      <c r="C14" s="153"/>
      <c r="D14" s="153"/>
      <c r="E14" s="153"/>
      <c r="F14" s="153"/>
      <c r="G14" s="153"/>
      <c r="H14" s="153"/>
      <c r="I14" s="153"/>
    </row>
    <row r="15" spans="1:9" ht="31.5" customHeight="1" x14ac:dyDescent="0.2">
      <c r="A15" s="152"/>
      <c r="B15" s="154"/>
      <c r="C15" s="153"/>
      <c r="D15" s="153"/>
      <c r="E15" s="153"/>
      <c r="F15" s="153"/>
      <c r="G15" s="153"/>
      <c r="H15" s="153"/>
      <c r="I15" s="153"/>
    </row>
    <row r="16" spans="1:9" ht="31.5" customHeight="1" x14ac:dyDescent="0.2">
      <c r="A16" s="152"/>
      <c r="B16" s="154"/>
      <c r="C16" s="153"/>
      <c r="D16" s="153"/>
      <c r="E16" s="153"/>
      <c r="F16" s="153"/>
      <c r="G16" s="153"/>
      <c r="H16" s="153"/>
      <c r="I16" s="153"/>
    </row>
    <row r="17" spans="1:9" ht="31.5" customHeight="1" x14ac:dyDescent="0.2">
      <c r="A17" s="152"/>
      <c r="B17" s="154"/>
      <c r="C17" s="153"/>
      <c r="D17" s="153"/>
      <c r="E17" s="153"/>
      <c r="F17" s="153"/>
      <c r="G17" s="153"/>
      <c r="H17" s="153"/>
      <c r="I17" s="153"/>
    </row>
    <row r="18" spans="1:9" ht="31.5" customHeight="1" x14ac:dyDescent="0.2">
      <c r="A18" s="152"/>
      <c r="B18" s="155"/>
      <c r="C18" s="153"/>
      <c r="D18" s="153"/>
      <c r="E18" s="153"/>
      <c r="F18" s="153"/>
      <c r="G18" s="153"/>
      <c r="H18" s="153"/>
      <c r="I18" s="153"/>
    </row>
    <row r="19" spans="1:9" ht="31.5" customHeight="1" x14ac:dyDescent="0.2">
      <c r="A19" s="152"/>
      <c r="B19" s="155"/>
      <c r="C19" s="153"/>
      <c r="D19" s="153"/>
      <c r="E19" s="153"/>
      <c r="F19" s="153"/>
      <c r="G19" s="153"/>
      <c r="H19" s="153"/>
      <c r="I19" s="153"/>
    </row>
    <row r="20" spans="1:9" ht="31.5" customHeight="1" x14ac:dyDescent="0.2">
      <c r="A20" s="152"/>
      <c r="B20" s="155"/>
      <c r="C20" s="153"/>
      <c r="D20" s="153"/>
      <c r="E20" s="153"/>
      <c r="F20" s="153"/>
      <c r="G20" s="153"/>
      <c r="H20" s="153"/>
      <c r="I20" s="153"/>
    </row>
    <row r="21" spans="1:9" ht="31.5" customHeight="1" x14ac:dyDescent="0.2">
      <c r="A21" s="152"/>
      <c r="B21" s="155"/>
      <c r="C21" s="153"/>
      <c r="D21" s="153"/>
      <c r="E21" s="153"/>
      <c r="F21" s="153"/>
      <c r="G21" s="153"/>
      <c r="H21" s="153"/>
      <c r="I21" s="153"/>
    </row>
    <row r="22" spans="1:9" ht="31.5" customHeight="1" x14ac:dyDescent="0.2">
      <c r="A22" s="152"/>
      <c r="B22" s="155"/>
      <c r="C22" s="153"/>
      <c r="D22" s="153"/>
      <c r="E22" s="153"/>
      <c r="F22" s="153"/>
      <c r="G22" s="153"/>
      <c r="H22" s="153"/>
      <c r="I22" s="153"/>
    </row>
    <row r="23" spans="1:9" ht="31.5" customHeight="1" x14ac:dyDescent="0.2">
      <c r="A23" s="152"/>
      <c r="B23" s="155"/>
      <c r="C23" s="153"/>
      <c r="D23" s="153"/>
      <c r="E23" s="153"/>
      <c r="F23" s="153"/>
      <c r="G23" s="153"/>
      <c r="H23" s="153"/>
      <c r="I23" s="153"/>
    </row>
    <row r="24" spans="1:9" ht="31.5" customHeight="1" x14ac:dyDescent="0.2">
      <c r="A24" s="152"/>
      <c r="B24" s="155"/>
      <c r="C24" s="153"/>
      <c r="D24" s="153"/>
      <c r="E24" s="153"/>
      <c r="F24" s="153"/>
      <c r="G24" s="153"/>
      <c r="H24" s="153"/>
      <c r="I24" s="153"/>
    </row>
    <row r="25" spans="1:9" ht="31.5" customHeight="1" thickBot="1" x14ac:dyDescent="0.25">
      <c r="A25" s="156"/>
      <c r="B25" s="157"/>
      <c r="C25" s="158"/>
      <c r="D25" s="158"/>
      <c r="E25" s="158"/>
      <c r="F25" s="158"/>
      <c r="G25" s="158"/>
      <c r="H25" s="158"/>
      <c r="I25" s="158"/>
    </row>
    <row r="26" spans="1:9" ht="31.5" customHeight="1" thickTop="1" x14ac:dyDescent="0.2">
      <c r="A26" s="152"/>
      <c r="B26" s="159"/>
      <c r="C26" s="783"/>
      <c r="D26" s="783"/>
      <c r="E26" s="783"/>
      <c r="F26" s="783"/>
      <c r="G26" s="783"/>
      <c r="H26" s="783"/>
      <c r="I26" s="783"/>
    </row>
    <row r="27" spans="1:9" ht="19" customHeight="1" x14ac:dyDescent="0.2"/>
    <row r="28" spans="1:9" ht="14" customHeight="1" x14ac:dyDescent="0.2">
      <c r="A28" s="77" t="s">
        <v>367</v>
      </c>
    </row>
    <row r="29" spans="1:9" ht="14" customHeight="1" x14ac:dyDescent="0.2">
      <c r="A29" s="77"/>
    </row>
    <row r="30" spans="1:9" ht="14" customHeight="1" x14ac:dyDescent="0.2">
      <c r="A30" s="77" t="s">
        <v>368</v>
      </c>
    </row>
    <row r="31" spans="1:9" ht="14" customHeight="1" x14ac:dyDescent="0.2">
      <c r="A31" s="77" t="s">
        <v>369</v>
      </c>
    </row>
    <row r="32" spans="1:9" ht="14" customHeight="1" x14ac:dyDescent="0.2">
      <c r="A32" s="77" t="s">
        <v>370</v>
      </c>
    </row>
  </sheetData>
  <mergeCells count="2">
    <mergeCell ref="B1:I1"/>
    <mergeCell ref="A3:D3"/>
  </mergeCells>
  <phoneticPr fontId="1"/>
  <printOptions horizontalCentered="1" verticalCentered="1"/>
  <pageMargins left="0.9055118110236221" right="0.70866141732283472" top="0.74803149606299213" bottom="0.74803149606299213" header="0.31496062992125984" footer="0.31496062992125984"/>
  <pageSetup paperSize="9" scale="52" fitToHeight="0" orientation="portrait" horizontalDpi="300" verticalDpi="30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20"/>
  <sheetViews>
    <sheetView view="pageBreakPreview" zoomScaleNormal="100" zoomScaleSheetLayoutView="100" workbookViewId="0">
      <selection activeCell="K10" sqref="K10"/>
    </sheetView>
  </sheetViews>
  <sheetFormatPr defaultColWidth="9" defaultRowHeight="16.5" customHeight="1" x14ac:dyDescent="0.2"/>
  <cols>
    <col min="1" max="1" width="4.5" style="77" customWidth="1"/>
    <col min="2" max="8" width="9.58203125" style="77" customWidth="1"/>
    <col min="9" max="9" width="6.5" style="77" customWidth="1"/>
    <col min="10" max="16384" width="9" style="77"/>
  </cols>
  <sheetData>
    <row r="2" spans="1:9" ht="16.5" customHeight="1" x14ac:dyDescent="0.2">
      <c r="A2" s="229" t="s">
        <v>101</v>
      </c>
      <c r="B2" s="229"/>
      <c r="C2" s="229"/>
      <c r="D2" s="229"/>
      <c r="E2" s="229"/>
      <c r="F2" s="229"/>
      <c r="G2" s="229"/>
      <c r="H2" s="229"/>
      <c r="I2" s="229"/>
    </row>
    <row r="3" spans="1:9" ht="16.5" customHeight="1" x14ac:dyDescent="0.2">
      <c r="A3" s="229" t="s">
        <v>155</v>
      </c>
      <c r="B3" s="229"/>
      <c r="C3" s="229"/>
      <c r="D3" s="229"/>
      <c r="E3" s="229"/>
      <c r="F3" s="229"/>
      <c r="G3" s="229"/>
      <c r="H3" s="229"/>
      <c r="I3" s="229"/>
    </row>
    <row r="6" spans="1:9" ht="16.5" customHeight="1" x14ac:dyDescent="0.2">
      <c r="B6" s="77" t="s">
        <v>154</v>
      </c>
    </row>
    <row r="9" spans="1:9" ht="16.5" customHeight="1" x14ac:dyDescent="0.2">
      <c r="B9" s="229" t="s">
        <v>230</v>
      </c>
      <c r="C9" s="229"/>
      <c r="D9" s="229"/>
      <c r="E9" s="229"/>
      <c r="F9" s="229"/>
      <c r="G9" s="229"/>
      <c r="H9" s="229"/>
      <c r="I9" s="199" t="s">
        <v>517</v>
      </c>
    </row>
    <row r="10" spans="1:9" ht="16.5" customHeight="1" x14ac:dyDescent="0.2">
      <c r="B10" s="198"/>
      <c r="C10" s="198"/>
      <c r="D10" s="198"/>
      <c r="E10" s="198"/>
      <c r="F10" s="198"/>
      <c r="G10" s="198"/>
      <c r="H10" s="198"/>
    </row>
    <row r="14" spans="1:9" ht="16.5" customHeight="1" x14ac:dyDescent="0.2">
      <c r="A14" s="230" t="s">
        <v>606</v>
      </c>
      <c r="B14" s="230"/>
      <c r="C14" s="230"/>
      <c r="D14" s="230"/>
      <c r="E14" s="230"/>
      <c r="F14" s="230"/>
      <c r="G14" s="230"/>
      <c r="H14" s="230"/>
      <c r="I14" s="230"/>
    </row>
    <row r="19" spans="1:9" ht="20.25" customHeight="1" x14ac:dyDescent="0.2">
      <c r="A19" s="231" t="s">
        <v>346</v>
      </c>
      <c r="B19" s="231"/>
      <c r="C19" s="231"/>
      <c r="D19" s="231"/>
      <c r="E19" s="231"/>
      <c r="F19" s="231"/>
      <c r="G19" s="231"/>
      <c r="H19" s="231"/>
      <c r="I19" s="231"/>
    </row>
    <row r="20" spans="1:9" ht="20.25" customHeight="1" x14ac:dyDescent="0.2">
      <c r="A20" s="231"/>
      <c r="B20" s="231"/>
      <c r="C20" s="231"/>
      <c r="D20" s="231"/>
      <c r="E20" s="231"/>
      <c r="F20" s="231"/>
      <c r="G20" s="231"/>
      <c r="H20" s="231"/>
      <c r="I20" s="231"/>
    </row>
  </sheetData>
  <mergeCells count="5">
    <mergeCell ref="A2:I2"/>
    <mergeCell ref="A3:I3"/>
    <mergeCell ref="B9:H9"/>
    <mergeCell ref="A14:I14"/>
    <mergeCell ref="A19:I20"/>
  </mergeCells>
  <phoneticPr fontId="1"/>
  <pageMargins left="0.7" right="0.7" top="0.75" bottom="0.75" header="0.3" footer="0.3"/>
  <pageSetup paperSize="9" orientation="portrait" horizontalDpi="300" verticalDpi="300" r:id="rId1"/>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99"/>
  <sheetViews>
    <sheetView view="pageBreakPreview" zoomScale="80" zoomScaleNormal="80" zoomScaleSheetLayoutView="80" workbookViewId="0">
      <selection activeCell="AI10" sqref="AI10"/>
    </sheetView>
  </sheetViews>
  <sheetFormatPr defaultColWidth="4.6640625" defaultRowHeight="14" x14ac:dyDescent="0.2"/>
  <cols>
    <col min="1" max="5" width="4.6640625" style="786"/>
    <col min="6" max="6" width="6.25" style="786" customWidth="1"/>
    <col min="7" max="14" width="4.6640625" style="786"/>
    <col min="15" max="15" width="6.58203125" style="786" customWidth="1"/>
    <col min="16" max="16" width="4.6640625" style="786" customWidth="1"/>
    <col min="17" max="17" width="4.6640625" style="786"/>
    <col min="18" max="18" width="5.4140625" style="786" customWidth="1"/>
    <col min="19" max="270" width="4.6640625" style="786"/>
    <col min="271" max="271" width="6.58203125" style="786" customWidth="1"/>
    <col min="272" max="272" width="4.6640625" style="786" customWidth="1"/>
    <col min="273" max="273" width="4.6640625" style="786"/>
    <col min="274" max="274" width="5.4140625" style="786" customWidth="1"/>
    <col min="275" max="526" width="4.6640625" style="786"/>
    <col min="527" max="527" width="6.58203125" style="786" customWidth="1"/>
    <col min="528" max="528" width="4.6640625" style="786" customWidth="1"/>
    <col min="529" max="529" width="4.6640625" style="786"/>
    <col min="530" max="530" width="5.4140625" style="786" customWidth="1"/>
    <col min="531" max="782" width="4.6640625" style="786"/>
    <col min="783" max="783" width="6.58203125" style="786" customWidth="1"/>
    <col min="784" max="784" width="4.6640625" style="786" customWidth="1"/>
    <col min="785" max="785" width="4.6640625" style="786"/>
    <col min="786" max="786" width="5.4140625" style="786" customWidth="1"/>
    <col min="787" max="1038" width="4.6640625" style="786"/>
    <col min="1039" max="1039" width="6.58203125" style="786" customWidth="1"/>
    <col min="1040" max="1040" width="4.6640625" style="786" customWidth="1"/>
    <col min="1041" max="1041" width="4.6640625" style="786"/>
    <col min="1042" max="1042" width="5.4140625" style="786" customWidth="1"/>
    <col min="1043" max="1294" width="4.6640625" style="786"/>
    <col min="1295" max="1295" width="6.58203125" style="786" customWidth="1"/>
    <col min="1296" max="1296" width="4.6640625" style="786" customWidth="1"/>
    <col min="1297" max="1297" width="4.6640625" style="786"/>
    <col min="1298" max="1298" width="5.4140625" style="786" customWidth="1"/>
    <col min="1299" max="1550" width="4.6640625" style="786"/>
    <col min="1551" max="1551" width="6.58203125" style="786" customWidth="1"/>
    <col min="1552" max="1552" width="4.6640625" style="786" customWidth="1"/>
    <col min="1553" max="1553" width="4.6640625" style="786"/>
    <col min="1554" max="1554" width="5.4140625" style="786" customWidth="1"/>
    <col min="1555" max="1806" width="4.6640625" style="786"/>
    <col min="1807" max="1807" width="6.58203125" style="786" customWidth="1"/>
    <col min="1808" max="1808" width="4.6640625" style="786" customWidth="1"/>
    <col min="1809" max="1809" width="4.6640625" style="786"/>
    <col min="1810" max="1810" width="5.4140625" style="786" customWidth="1"/>
    <col min="1811" max="2062" width="4.6640625" style="786"/>
    <col min="2063" max="2063" width="6.58203125" style="786" customWidth="1"/>
    <col min="2064" max="2064" width="4.6640625" style="786" customWidth="1"/>
    <col min="2065" max="2065" width="4.6640625" style="786"/>
    <col min="2066" max="2066" width="5.4140625" style="786" customWidth="1"/>
    <col min="2067" max="2318" width="4.6640625" style="786"/>
    <col min="2319" max="2319" width="6.58203125" style="786" customWidth="1"/>
    <col min="2320" max="2320" width="4.6640625" style="786" customWidth="1"/>
    <col min="2321" max="2321" width="4.6640625" style="786"/>
    <col min="2322" max="2322" width="5.4140625" style="786" customWidth="1"/>
    <col min="2323" max="2574" width="4.6640625" style="786"/>
    <col min="2575" max="2575" width="6.58203125" style="786" customWidth="1"/>
    <col min="2576" max="2576" width="4.6640625" style="786" customWidth="1"/>
    <col min="2577" max="2577" width="4.6640625" style="786"/>
    <col min="2578" max="2578" width="5.4140625" style="786" customWidth="1"/>
    <col min="2579" max="2830" width="4.6640625" style="786"/>
    <col min="2831" max="2831" width="6.58203125" style="786" customWidth="1"/>
    <col min="2832" max="2832" width="4.6640625" style="786" customWidth="1"/>
    <col min="2833" max="2833" width="4.6640625" style="786"/>
    <col min="2834" max="2834" width="5.4140625" style="786" customWidth="1"/>
    <col min="2835" max="3086" width="4.6640625" style="786"/>
    <col min="3087" max="3087" width="6.58203125" style="786" customWidth="1"/>
    <col min="3088" max="3088" width="4.6640625" style="786" customWidth="1"/>
    <col min="3089" max="3089" width="4.6640625" style="786"/>
    <col min="3090" max="3090" width="5.4140625" style="786" customWidth="1"/>
    <col min="3091" max="3342" width="4.6640625" style="786"/>
    <col min="3343" max="3343" width="6.58203125" style="786" customWidth="1"/>
    <col min="3344" max="3344" width="4.6640625" style="786" customWidth="1"/>
    <col min="3345" max="3345" width="4.6640625" style="786"/>
    <col min="3346" max="3346" width="5.4140625" style="786" customWidth="1"/>
    <col min="3347" max="3598" width="4.6640625" style="786"/>
    <col min="3599" max="3599" width="6.58203125" style="786" customWidth="1"/>
    <col min="3600" max="3600" width="4.6640625" style="786" customWidth="1"/>
    <col min="3601" max="3601" width="4.6640625" style="786"/>
    <col min="3602" max="3602" width="5.4140625" style="786" customWidth="1"/>
    <col min="3603" max="3854" width="4.6640625" style="786"/>
    <col min="3855" max="3855" width="6.58203125" style="786" customWidth="1"/>
    <col min="3856" max="3856" width="4.6640625" style="786" customWidth="1"/>
    <col min="3857" max="3857" width="4.6640625" style="786"/>
    <col min="3858" max="3858" width="5.4140625" style="786" customWidth="1"/>
    <col min="3859" max="4110" width="4.6640625" style="786"/>
    <col min="4111" max="4111" width="6.58203125" style="786" customWidth="1"/>
    <col min="4112" max="4112" width="4.6640625" style="786" customWidth="1"/>
    <col min="4113" max="4113" width="4.6640625" style="786"/>
    <col min="4114" max="4114" width="5.4140625" style="786" customWidth="1"/>
    <col min="4115" max="4366" width="4.6640625" style="786"/>
    <col min="4367" max="4367" width="6.58203125" style="786" customWidth="1"/>
    <col min="4368" max="4368" width="4.6640625" style="786" customWidth="1"/>
    <col min="4369" max="4369" width="4.6640625" style="786"/>
    <col min="4370" max="4370" width="5.4140625" style="786" customWidth="1"/>
    <col min="4371" max="4622" width="4.6640625" style="786"/>
    <col min="4623" max="4623" width="6.58203125" style="786" customWidth="1"/>
    <col min="4624" max="4624" width="4.6640625" style="786" customWidth="1"/>
    <col min="4625" max="4625" width="4.6640625" style="786"/>
    <col min="4626" max="4626" width="5.4140625" style="786" customWidth="1"/>
    <col min="4627" max="4878" width="4.6640625" style="786"/>
    <col min="4879" max="4879" width="6.58203125" style="786" customWidth="1"/>
    <col min="4880" max="4880" width="4.6640625" style="786" customWidth="1"/>
    <col min="4881" max="4881" width="4.6640625" style="786"/>
    <col min="4882" max="4882" width="5.4140625" style="786" customWidth="1"/>
    <col min="4883" max="5134" width="4.6640625" style="786"/>
    <col min="5135" max="5135" width="6.58203125" style="786" customWidth="1"/>
    <col min="5136" max="5136" width="4.6640625" style="786" customWidth="1"/>
    <col min="5137" max="5137" width="4.6640625" style="786"/>
    <col min="5138" max="5138" width="5.4140625" style="786" customWidth="1"/>
    <col min="5139" max="5390" width="4.6640625" style="786"/>
    <col min="5391" max="5391" width="6.58203125" style="786" customWidth="1"/>
    <col min="5392" max="5392" width="4.6640625" style="786" customWidth="1"/>
    <col min="5393" max="5393" width="4.6640625" style="786"/>
    <col min="5394" max="5394" width="5.4140625" style="786" customWidth="1"/>
    <col min="5395" max="5646" width="4.6640625" style="786"/>
    <col min="5647" max="5647" width="6.58203125" style="786" customWidth="1"/>
    <col min="5648" max="5648" width="4.6640625" style="786" customWidth="1"/>
    <col min="5649" max="5649" width="4.6640625" style="786"/>
    <col min="5650" max="5650" width="5.4140625" style="786" customWidth="1"/>
    <col min="5651" max="5902" width="4.6640625" style="786"/>
    <col min="5903" max="5903" width="6.58203125" style="786" customWidth="1"/>
    <col min="5904" max="5904" width="4.6640625" style="786" customWidth="1"/>
    <col min="5905" max="5905" width="4.6640625" style="786"/>
    <col min="5906" max="5906" width="5.4140625" style="786" customWidth="1"/>
    <col min="5907" max="6158" width="4.6640625" style="786"/>
    <col min="6159" max="6159" width="6.58203125" style="786" customWidth="1"/>
    <col min="6160" max="6160" width="4.6640625" style="786" customWidth="1"/>
    <col min="6161" max="6161" width="4.6640625" style="786"/>
    <col min="6162" max="6162" width="5.4140625" style="786" customWidth="1"/>
    <col min="6163" max="6414" width="4.6640625" style="786"/>
    <col min="6415" max="6415" width="6.58203125" style="786" customWidth="1"/>
    <col min="6416" max="6416" width="4.6640625" style="786" customWidth="1"/>
    <col min="6417" max="6417" width="4.6640625" style="786"/>
    <col min="6418" max="6418" width="5.4140625" style="786" customWidth="1"/>
    <col min="6419" max="6670" width="4.6640625" style="786"/>
    <col min="6671" max="6671" width="6.58203125" style="786" customWidth="1"/>
    <col min="6672" max="6672" width="4.6640625" style="786" customWidth="1"/>
    <col min="6673" max="6673" width="4.6640625" style="786"/>
    <col min="6674" max="6674" width="5.4140625" style="786" customWidth="1"/>
    <col min="6675" max="6926" width="4.6640625" style="786"/>
    <col min="6927" max="6927" width="6.58203125" style="786" customWidth="1"/>
    <col min="6928" max="6928" width="4.6640625" style="786" customWidth="1"/>
    <col min="6929" max="6929" width="4.6640625" style="786"/>
    <col min="6930" max="6930" width="5.4140625" style="786" customWidth="1"/>
    <col min="6931" max="7182" width="4.6640625" style="786"/>
    <col min="7183" max="7183" width="6.58203125" style="786" customWidth="1"/>
    <col min="7184" max="7184" width="4.6640625" style="786" customWidth="1"/>
    <col min="7185" max="7185" width="4.6640625" style="786"/>
    <col min="7186" max="7186" width="5.4140625" style="786" customWidth="1"/>
    <col min="7187" max="7438" width="4.6640625" style="786"/>
    <col min="7439" max="7439" width="6.58203125" style="786" customWidth="1"/>
    <col min="7440" max="7440" width="4.6640625" style="786" customWidth="1"/>
    <col min="7441" max="7441" width="4.6640625" style="786"/>
    <col min="7442" max="7442" width="5.4140625" style="786" customWidth="1"/>
    <col min="7443" max="7694" width="4.6640625" style="786"/>
    <col min="7695" max="7695" width="6.58203125" style="786" customWidth="1"/>
    <col min="7696" max="7696" width="4.6640625" style="786" customWidth="1"/>
    <col min="7697" max="7697" width="4.6640625" style="786"/>
    <col min="7698" max="7698" width="5.4140625" style="786" customWidth="1"/>
    <col min="7699" max="7950" width="4.6640625" style="786"/>
    <col min="7951" max="7951" width="6.58203125" style="786" customWidth="1"/>
    <col min="7952" max="7952" width="4.6640625" style="786" customWidth="1"/>
    <col min="7953" max="7953" width="4.6640625" style="786"/>
    <col min="7954" max="7954" width="5.4140625" style="786" customWidth="1"/>
    <col min="7955" max="8206" width="4.6640625" style="786"/>
    <col min="8207" max="8207" width="6.58203125" style="786" customWidth="1"/>
    <col min="8208" max="8208" width="4.6640625" style="786" customWidth="1"/>
    <col min="8209" max="8209" width="4.6640625" style="786"/>
    <col min="8210" max="8210" width="5.4140625" style="786" customWidth="1"/>
    <col min="8211" max="8462" width="4.6640625" style="786"/>
    <col min="8463" max="8463" width="6.58203125" style="786" customWidth="1"/>
    <col min="8464" max="8464" width="4.6640625" style="786" customWidth="1"/>
    <col min="8465" max="8465" width="4.6640625" style="786"/>
    <col min="8466" max="8466" width="5.4140625" style="786" customWidth="1"/>
    <col min="8467" max="8718" width="4.6640625" style="786"/>
    <col min="8719" max="8719" width="6.58203125" style="786" customWidth="1"/>
    <col min="8720" max="8720" width="4.6640625" style="786" customWidth="1"/>
    <col min="8721" max="8721" width="4.6640625" style="786"/>
    <col min="8722" max="8722" width="5.4140625" style="786" customWidth="1"/>
    <col min="8723" max="8974" width="4.6640625" style="786"/>
    <col min="8975" max="8975" width="6.58203125" style="786" customWidth="1"/>
    <col min="8976" max="8976" width="4.6640625" style="786" customWidth="1"/>
    <col min="8977" max="8977" width="4.6640625" style="786"/>
    <col min="8978" max="8978" width="5.4140625" style="786" customWidth="1"/>
    <col min="8979" max="9230" width="4.6640625" style="786"/>
    <col min="9231" max="9231" width="6.58203125" style="786" customWidth="1"/>
    <col min="9232" max="9232" width="4.6640625" style="786" customWidth="1"/>
    <col min="9233" max="9233" width="4.6640625" style="786"/>
    <col min="9234" max="9234" width="5.4140625" style="786" customWidth="1"/>
    <col min="9235" max="9486" width="4.6640625" style="786"/>
    <col min="9487" max="9487" width="6.58203125" style="786" customWidth="1"/>
    <col min="9488" max="9488" width="4.6640625" style="786" customWidth="1"/>
    <col min="9489" max="9489" width="4.6640625" style="786"/>
    <col min="9490" max="9490" width="5.4140625" style="786" customWidth="1"/>
    <col min="9491" max="9742" width="4.6640625" style="786"/>
    <col min="9743" max="9743" width="6.58203125" style="786" customWidth="1"/>
    <col min="9744" max="9744" width="4.6640625" style="786" customWidth="1"/>
    <col min="9745" max="9745" width="4.6640625" style="786"/>
    <col min="9746" max="9746" width="5.4140625" style="786" customWidth="1"/>
    <col min="9747" max="9998" width="4.6640625" style="786"/>
    <col min="9999" max="9999" width="6.58203125" style="786" customWidth="1"/>
    <col min="10000" max="10000" width="4.6640625" style="786" customWidth="1"/>
    <col min="10001" max="10001" width="4.6640625" style="786"/>
    <col min="10002" max="10002" width="5.4140625" style="786" customWidth="1"/>
    <col min="10003" max="10254" width="4.6640625" style="786"/>
    <col min="10255" max="10255" width="6.58203125" style="786" customWidth="1"/>
    <col min="10256" max="10256" width="4.6640625" style="786" customWidth="1"/>
    <col min="10257" max="10257" width="4.6640625" style="786"/>
    <col min="10258" max="10258" width="5.4140625" style="786" customWidth="1"/>
    <col min="10259" max="10510" width="4.6640625" style="786"/>
    <col min="10511" max="10511" width="6.58203125" style="786" customWidth="1"/>
    <col min="10512" max="10512" width="4.6640625" style="786" customWidth="1"/>
    <col min="10513" max="10513" width="4.6640625" style="786"/>
    <col min="10514" max="10514" width="5.4140625" style="786" customWidth="1"/>
    <col min="10515" max="10766" width="4.6640625" style="786"/>
    <col min="10767" max="10767" width="6.58203125" style="786" customWidth="1"/>
    <col min="10768" max="10768" width="4.6640625" style="786" customWidth="1"/>
    <col min="10769" max="10769" width="4.6640625" style="786"/>
    <col min="10770" max="10770" width="5.4140625" style="786" customWidth="1"/>
    <col min="10771" max="11022" width="4.6640625" style="786"/>
    <col min="11023" max="11023" width="6.58203125" style="786" customWidth="1"/>
    <col min="11024" max="11024" width="4.6640625" style="786" customWidth="1"/>
    <col min="11025" max="11025" width="4.6640625" style="786"/>
    <col min="11026" max="11026" width="5.4140625" style="786" customWidth="1"/>
    <col min="11027" max="11278" width="4.6640625" style="786"/>
    <col min="11279" max="11279" width="6.58203125" style="786" customWidth="1"/>
    <col min="11280" max="11280" width="4.6640625" style="786" customWidth="1"/>
    <col min="11281" max="11281" width="4.6640625" style="786"/>
    <col min="11282" max="11282" width="5.4140625" style="786" customWidth="1"/>
    <col min="11283" max="11534" width="4.6640625" style="786"/>
    <col min="11535" max="11535" width="6.58203125" style="786" customWidth="1"/>
    <col min="11536" max="11536" width="4.6640625" style="786" customWidth="1"/>
    <col min="11537" max="11537" width="4.6640625" style="786"/>
    <col min="11538" max="11538" width="5.4140625" style="786" customWidth="1"/>
    <col min="11539" max="11790" width="4.6640625" style="786"/>
    <col min="11791" max="11791" width="6.58203125" style="786" customWidth="1"/>
    <col min="11792" max="11792" width="4.6640625" style="786" customWidth="1"/>
    <col min="11793" max="11793" width="4.6640625" style="786"/>
    <col min="11794" max="11794" width="5.4140625" style="786" customWidth="1"/>
    <col min="11795" max="12046" width="4.6640625" style="786"/>
    <col min="12047" max="12047" width="6.58203125" style="786" customWidth="1"/>
    <col min="12048" max="12048" width="4.6640625" style="786" customWidth="1"/>
    <col min="12049" max="12049" width="4.6640625" style="786"/>
    <col min="12050" max="12050" width="5.4140625" style="786" customWidth="1"/>
    <col min="12051" max="12302" width="4.6640625" style="786"/>
    <col min="12303" max="12303" width="6.58203125" style="786" customWidth="1"/>
    <col min="12304" max="12304" width="4.6640625" style="786" customWidth="1"/>
    <col min="12305" max="12305" width="4.6640625" style="786"/>
    <col min="12306" max="12306" width="5.4140625" style="786" customWidth="1"/>
    <col min="12307" max="12558" width="4.6640625" style="786"/>
    <col min="12559" max="12559" width="6.58203125" style="786" customWidth="1"/>
    <col min="12560" max="12560" width="4.6640625" style="786" customWidth="1"/>
    <col min="12561" max="12561" width="4.6640625" style="786"/>
    <col min="12562" max="12562" width="5.4140625" style="786" customWidth="1"/>
    <col min="12563" max="12814" width="4.6640625" style="786"/>
    <col min="12815" max="12815" width="6.58203125" style="786" customWidth="1"/>
    <col min="12816" max="12816" width="4.6640625" style="786" customWidth="1"/>
    <col min="12817" max="12817" width="4.6640625" style="786"/>
    <col min="12818" max="12818" width="5.4140625" style="786" customWidth="1"/>
    <col min="12819" max="13070" width="4.6640625" style="786"/>
    <col min="13071" max="13071" width="6.58203125" style="786" customWidth="1"/>
    <col min="13072" max="13072" width="4.6640625" style="786" customWidth="1"/>
    <col min="13073" max="13073" width="4.6640625" style="786"/>
    <col min="13074" max="13074" width="5.4140625" style="786" customWidth="1"/>
    <col min="13075" max="13326" width="4.6640625" style="786"/>
    <col min="13327" max="13327" width="6.58203125" style="786" customWidth="1"/>
    <col min="13328" max="13328" width="4.6640625" style="786" customWidth="1"/>
    <col min="13329" max="13329" width="4.6640625" style="786"/>
    <col min="13330" max="13330" width="5.4140625" style="786" customWidth="1"/>
    <col min="13331" max="13582" width="4.6640625" style="786"/>
    <col min="13583" max="13583" width="6.58203125" style="786" customWidth="1"/>
    <col min="13584" max="13584" width="4.6640625" style="786" customWidth="1"/>
    <col min="13585" max="13585" width="4.6640625" style="786"/>
    <col min="13586" max="13586" width="5.4140625" style="786" customWidth="1"/>
    <col min="13587" max="13838" width="4.6640625" style="786"/>
    <col min="13839" max="13839" width="6.58203125" style="786" customWidth="1"/>
    <col min="13840" max="13840" width="4.6640625" style="786" customWidth="1"/>
    <col min="13841" max="13841" width="4.6640625" style="786"/>
    <col min="13842" max="13842" width="5.4140625" style="786" customWidth="1"/>
    <col min="13843" max="14094" width="4.6640625" style="786"/>
    <col min="14095" max="14095" width="6.58203125" style="786" customWidth="1"/>
    <col min="14096" max="14096" width="4.6640625" style="786" customWidth="1"/>
    <col min="14097" max="14097" width="4.6640625" style="786"/>
    <col min="14098" max="14098" width="5.4140625" style="786" customWidth="1"/>
    <col min="14099" max="14350" width="4.6640625" style="786"/>
    <col min="14351" max="14351" width="6.58203125" style="786" customWidth="1"/>
    <col min="14352" max="14352" width="4.6640625" style="786" customWidth="1"/>
    <col min="14353" max="14353" width="4.6640625" style="786"/>
    <col min="14354" max="14354" width="5.4140625" style="786" customWidth="1"/>
    <col min="14355" max="14606" width="4.6640625" style="786"/>
    <col min="14607" max="14607" width="6.58203125" style="786" customWidth="1"/>
    <col min="14608" max="14608" width="4.6640625" style="786" customWidth="1"/>
    <col min="14609" max="14609" width="4.6640625" style="786"/>
    <col min="14610" max="14610" width="5.4140625" style="786" customWidth="1"/>
    <col min="14611" max="14862" width="4.6640625" style="786"/>
    <col min="14863" max="14863" width="6.58203125" style="786" customWidth="1"/>
    <col min="14864" max="14864" width="4.6640625" style="786" customWidth="1"/>
    <col min="14865" max="14865" width="4.6640625" style="786"/>
    <col min="14866" max="14866" width="5.4140625" style="786" customWidth="1"/>
    <col min="14867" max="15118" width="4.6640625" style="786"/>
    <col min="15119" max="15119" width="6.58203125" style="786" customWidth="1"/>
    <col min="15120" max="15120" width="4.6640625" style="786" customWidth="1"/>
    <col min="15121" max="15121" width="4.6640625" style="786"/>
    <col min="15122" max="15122" width="5.4140625" style="786" customWidth="1"/>
    <col min="15123" max="15374" width="4.6640625" style="786"/>
    <col min="15375" max="15375" width="6.58203125" style="786" customWidth="1"/>
    <col min="15376" max="15376" width="4.6640625" style="786" customWidth="1"/>
    <col min="15377" max="15377" width="4.6640625" style="786"/>
    <col min="15378" max="15378" width="5.4140625" style="786" customWidth="1"/>
    <col min="15379" max="15630" width="4.6640625" style="786"/>
    <col min="15631" max="15631" width="6.58203125" style="786" customWidth="1"/>
    <col min="15632" max="15632" width="4.6640625" style="786" customWidth="1"/>
    <col min="15633" max="15633" width="4.6640625" style="786"/>
    <col min="15634" max="15634" width="5.4140625" style="786" customWidth="1"/>
    <col min="15635" max="15886" width="4.6640625" style="786"/>
    <col min="15887" max="15887" width="6.58203125" style="786" customWidth="1"/>
    <col min="15888" max="15888" width="4.6640625" style="786" customWidth="1"/>
    <col min="15889" max="15889" width="4.6640625" style="786"/>
    <col min="15890" max="15890" width="5.4140625" style="786" customWidth="1"/>
    <col min="15891" max="16142" width="4.6640625" style="786"/>
    <col min="16143" max="16143" width="6.58203125" style="786" customWidth="1"/>
    <col min="16144" max="16144" width="4.6640625" style="786" customWidth="1"/>
    <col min="16145" max="16145" width="4.6640625" style="786"/>
    <col min="16146" max="16146" width="5.4140625" style="786" customWidth="1"/>
    <col min="16147" max="16384" width="4.6640625" style="786"/>
  </cols>
  <sheetData>
    <row r="1" spans="1:20" ht="24" customHeight="1" x14ac:dyDescent="0.2">
      <c r="A1" s="786" t="s">
        <v>503</v>
      </c>
    </row>
    <row r="2" spans="1:20" ht="24" customHeight="1" x14ac:dyDescent="0.2">
      <c r="A2" s="787" t="s">
        <v>516</v>
      </c>
      <c r="B2" s="788"/>
      <c r="C2" s="788"/>
      <c r="D2" s="788"/>
      <c r="E2" s="788"/>
      <c r="F2" s="788"/>
      <c r="G2" s="788"/>
      <c r="H2" s="788"/>
      <c r="I2" s="788"/>
      <c r="J2" s="788"/>
      <c r="K2" s="788"/>
      <c r="L2" s="788"/>
      <c r="M2" s="788"/>
      <c r="N2" s="788"/>
      <c r="O2" s="788"/>
      <c r="P2" s="788"/>
      <c r="Q2" s="788"/>
      <c r="R2" s="788"/>
      <c r="S2" s="788"/>
      <c r="T2" s="788"/>
    </row>
    <row r="3" spans="1:20" ht="24" customHeight="1" x14ac:dyDescent="0.2"/>
    <row r="4" spans="1:20" ht="24" customHeight="1" x14ac:dyDescent="0.2"/>
    <row r="5" spans="1:20" ht="24" customHeight="1" x14ac:dyDescent="0.2">
      <c r="L5" s="786" t="s">
        <v>371</v>
      </c>
    </row>
    <row r="6" spans="1:20" ht="24" customHeight="1" x14ac:dyDescent="0.2">
      <c r="L6" s="786" t="s">
        <v>372</v>
      </c>
    </row>
    <row r="7" spans="1:20" ht="24" customHeight="1" x14ac:dyDescent="0.2">
      <c r="L7" s="786" t="s">
        <v>373</v>
      </c>
    </row>
    <row r="8" spans="1:20" ht="24" customHeight="1" x14ac:dyDescent="0.2"/>
    <row r="9" spans="1:20" ht="24" customHeight="1" x14ac:dyDescent="0.2"/>
    <row r="10" spans="1:20" ht="24" customHeight="1" x14ac:dyDescent="0.2"/>
    <row r="11" spans="1:20" ht="24" customHeight="1" x14ac:dyDescent="0.2">
      <c r="A11" s="786" t="s">
        <v>374</v>
      </c>
    </row>
    <row r="12" spans="1:20" ht="24" customHeight="1" x14ac:dyDescent="0.2">
      <c r="A12" s="789" t="s">
        <v>375</v>
      </c>
      <c r="B12" s="790"/>
      <c r="C12" s="790"/>
      <c r="D12" s="791"/>
      <c r="E12" s="792"/>
      <c r="F12" s="792"/>
      <c r="G12" s="792"/>
      <c r="H12" s="792"/>
      <c r="I12" s="792"/>
      <c r="J12" s="792"/>
      <c r="K12" s="792"/>
      <c r="L12" s="793"/>
      <c r="M12" s="792" t="s">
        <v>376</v>
      </c>
      <c r="N12" s="792"/>
      <c r="O12" s="793"/>
      <c r="P12" s="792" t="s">
        <v>377</v>
      </c>
      <c r="Q12" s="792"/>
      <c r="R12" s="792"/>
      <c r="S12" s="792"/>
      <c r="T12" s="793"/>
    </row>
    <row r="13" spans="1:20" ht="24" customHeight="1" x14ac:dyDescent="0.2">
      <c r="A13" s="794" t="s">
        <v>378</v>
      </c>
      <c r="B13" s="795"/>
      <c r="C13" s="795"/>
      <c r="D13" s="796"/>
      <c r="E13" s="795" t="s">
        <v>379</v>
      </c>
      <c r="F13" s="795"/>
      <c r="G13" s="795"/>
      <c r="H13" s="795"/>
      <c r="I13" s="795"/>
      <c r="J13" s="795"/>
      <c r="K13" s="795"/>
      <c r="L13" s="795"/>
      <c r="M13" s="795"/>
      <c r="N13" s="795"/>
      <c r="O13" s="793"/>
      <c r="P13" s="797" t="s">
        <v>380</v>
      </c>
      <c r="Q13" s="798"/>
      <c r="R13" s="798"/>
      <c r="S13" s="798"/>
      <c r="T13" s="799"/>
    </row>
    <row r="14" spans="1:20" ht="24" customHeight="1" x14ac:dyDescent="0.2">
      <c r="A14" s="789" t="s">
        <v>381</v>
      </c>
      <c r="B14" s="790"/>
      <c r="C14" s="790"/>
      <c r="D14" s="791"/>
      <c r="E14" s="800" t="s">
        <v>382</v>
      </c>
      <c r="F14" s="795"/>
      <c r="G14" s="795"/>
      <c r="H14" s="795"/>
      <c r="I14" s="795"/>
      <c r="J14" s="795"/>
      <c r="K14" s="795"/>
      <c r="L14" s="795"/>
      <c r="M14" s="795"/>
      <c r="N14" s="795"/>
      <c r="O14" s="796"/>
      <c r="P14" s="801"/>
      <c r="Q14" s="798"/>
      <c r="R14" s="798"/>
      <c r="S14" s="798"/>
      <c r="T14" s="799"/>
    </row>
    <row r="15" spans="1:20" ht="24" customHeight="1" x14ac:dyDescent="0.2">
      <c r="A15" s="802" t="s">
        <v>383</v>
      </c>
      <c r="B15" s="803"/>
      <c r="C15" s="804"/>
      <c r="D15" s="805"/>
      <c r="E15" s="806" t="s">
        <v>384</v>
      </c>
      <c r="F15" s="805" t="s">
        <v>385</v>
      </c>
      <c r="G15" s="805"/>
      <c r="H15" s="805"/>
      <c r="I15" s="805"/>
      <c r="J15" s="806" t="s">
        <v>386</v>
      </c>
      <c r="K15" s="807" t="s">
        <v>387</v>
      </c>
      <c r="L15" s="808"/>
      <c r="M15" s="805"/>
      <c r="N15" s="805"/>
      <c r="O15" s="806" t="s">
        <v>386</v>
      </c>
      <c r="P15" s="801"/>
      <c r="Q15" s="798"/>
      <c r="R15" s="798"/>
      <c r="S15" s="798"/>
      <c r="T15" s="799"/>
    </row>
    <row r="16" spans="1:20" ht="24" customHeight="1" x14ac:dyDescent="0.2">
      <c r="A16" s="809"/>
      <c r="B16" s="810"/>
      <c r="C16" s="811"/>
      <c r="D16" s="795"/>
      <c r="E16" s="796"/>
      <c r="F16" s="795" t="s">
        <v>388</v>
      </c>
      <c r="G16" s="795"/>
      <c r="H16" s="795"/>
      <c r="I16" s="795"/>
      <c r="J16" s="812" t="s">
        <v>386</v>
      </c>
      <c r="K16" s="813"/>
      <c r="L16" s="814"/>
      <c r="M16" s="795"/>
      <c r="N16" s="795"/>
      <c r="O16" s="812"/>
      <c r="P16" s="815"/>
      <c r="Q16" s="795"/>
      <c r="R16" s="795"/>
      <c r="S16" s="795"/>
      <c r="T16" s="796"/>
    </row>
    <row r="17" spans="1:20" ht="24" customHeight="1" x14ac:dyDescent="0.2">
      <c r="A17" s="786" t="s">
        <v>389</v>
      </c>
    </row>
    <row r="18" spans="1:20" ht="24" customHeight="1" x14ac:dyDescent="0.2">
      <c r="A18" s="786" t="s">
        <v>390</v>
      </c>
    </row>
    <row r="19" spans="1:20" ht="24" customHeight="1" x14ac:dyDescent="0.2">
      <c r="A19" s="786" t="s">
        <v>391</v>
      </c>
    </row>
    <row r="20" spans="1:20" ht="24" customHeight="1" x14ac:dyDescent="0.2"/>
    <row r="21" spans="1:20" ht="24" customHeight="1" x14ac:dyDescent="0.2"/>
    <row r="22" spans="1:20" ht="24" customHeight="1" x14ac:dyDescent="0.2">
      <c r="A22" s="786" t="s">
        <v>392</v>
      </c>
    </row>
    <row r="23" spans="1:20" ht="24" customHeight="1" x14ac:dyDescent="0.2">
      <c r="A23" s="816" t="s">
        <v>393</v>
      </c>
      <c r="B23" s="816"/>
      <c r="C23" s="816"/>
      <c r="D23" s="816"/>
      <c r="E23" s="816"/>
      <c r="F23" s="816"/>
      <c r="G23" s="816" t="s">
        <v>394</v>
      </c>
      <c r="H23" s="816"/>
      <c r="I23" s="816"/>
      <c r="J23" s="816"/>
      <c r="K23" s="816"/>
      <c r="L23" s="816"/>
      <c r="M23" s="816"/>
      <c r="N23" s="816"/>
      <c r="O23" s="816"/>
      <c r="P23" s="816"/>
      <c r="Q23" s="816"/>
      <c r="R23" s="816"/>
      <c r="S23" s="816"/>
      <c r="T23" s="816"/>
    </row>
    <row r="24" spans="1:20" ht="24" customHeight="1" x14ac:dyDescent="0.2">
      <c r="A24" s="817" t="s">
        <v>395</v>
      </c>
      <c r="B24" s="805"/>
      <c r="C24" s="805"/>
      <c r="D24" s="805"/>
      <c r="E24" s="805"/>
      <c r="F24" s="818"/>
      <c r="G24" s="819" t="s">
        <v>396</v>
      </c>
      <c r="H24" s="805"/>
      <c r="I24" s="805"/>
      <c r="J24" s="805"/>
      <c r="K24" s="805"/>
      <c r="L24" s="805"/>
      <c r="M24" s="805"/>
      <c r="N24" s="805"/>
      <c r="O24" s="805"/>
      <c r="P24" s="805"/>
      <c r="Q24" s="805"/>
      <c r="R24" s="805"/>
      <c r="S24" s="820" t="s">
        <v>397</v>
      </c>
      <c r="T24" s="821"/>
    </row>
    <row r="25" spans="1:20" ht="24" customHeight="1" x14ac:dyDescent="0.2">
      <c r="A25" s="822"/>
      <c r="B25" s="798"/>
      <c r="C25" s="798"/>
      <c r="D25" s="798"/>
      <c r="E25" s="798"/>
      <c r="F25" s="799"/>
      <c r="G25" s="823" t="s">
        <v>398</v>
      </c>
      <c r="H25" s="798"/>
      <c r="I25" s="798"/>
      <c r="J25" s="798"/>
      <c r="K25" s="798"/>
      <c r="L25" s="798"/>
      <c r="M25" s="798"/>
      <c r="N25" s="798"/>
      <c r="O25" s="798"/>
      <c r="P25" s="798"/>
      <c r="Q25" s="798"/>
      <c r="R25" s="798"/>
      <c r="S25" s="824" t="s">
        <v>397</v>
      </c>
      <c r="T25" s="825"/>
    </row>
    <row r="26" spans="1:20" ht="24" customHeight="1" x14ac:dyDescent="0.2">
      <c r="A26" s="822"/>
      <c r="B26" s="798"/>
      <c r="C26" s="798"/>
      <c r="D26" s="798"/>
      <c r="E26" s="798"/>
      <c r="F26" s="799"/>
      <c r="G26" s="823" t="s">
        <v>399</v>
      </c>
      <c r="H26" s="798"/>
      <c r="I26" s="798"/>
      <c r="J26" s="798"/>
      <c r="K26" s="798"/>
      <c r="L26" s="798"/>
      <c r="M26" s="798"/>
      <c r="N26" s="798"/>
      <c r="O26" s="798"/>
      <c r="P26" s="798"/>
      <c r="Q26" s="798"/>
      <c r="R26" s="798"/>
      <c r="S26" s="824"/>
      <c r="T26" s="825"/>
    </row>
    <row r="27" spans="1:20" ht="24" customHeight="1" x14ac:dyDescent="0.2">
      <c r="A27" s="822"/>
      <c r="B27" s="798"/>
      <c r="C27" s="798"/>
      <c r="D27" s="798"/>
      <c r="E27" s="798"/>
      <c r="F27" s="799"/>
      <c r="G27" s="823" t="s">
        <v>400</v>
      </c>
      <c r="H27" s="798"/>
      <c r="I27" s="798"/>
      <c r="J27" s="798"/>
      <c r="K27" s="798"/>
      <c r="L27" s="798"/>
      <c r="M27" s="798"/>
      <c r="N27" s="798"/>
      <c r="O27" s="798"/>
      <c r="P27" s="798"/>
      <c r="Q27" s="798"/>
      <c r="R27" s="798"/>
      <c r="S27" s="824" t="s">
        <v>397</v>
      </c>
      <c r="T27" s="825"/>
    </row>
    <row r="28" spans="1:20" ht="24" customHeight="1" x14ac:dyDescent="0.2">
      <c r="A28" s="794"/>
      <c r="B28" s="795"/>
      <c r="C28" s="795"/>
      <c r="D28" s="795"/>
      <c r="E28" s="795"/>
      <c r="F28" s="796"/>
      <c r="G28" s="826" t="s">
        <v>401</v>
      </c>
      <c r="H28" s="795"/>
      <c r="I28" s="795"/>
      <c r="J28" s="795"/>
      <c r="K28" s="795"/>
      <c r="L28" s="795"/>
      <c r="M28" s="795"/>
      <c r="N28" s="795"/>
      <c r="O28" s="795"/>
      <c r="P28" s="795"/>
      <c r="Q28" s="795"/>
      <c r="R28" s="795"/>
      <c r="S28" s="827"/>
      <c r="T28" s="828"/>
    </row>
    <row r="29" spans="1:20" ht="24" customHeight="1" x14ac:dyDescent="0.2">
      <c r="A29" s="829" t="s">
        <v>402</v>
      </c>
      <c r="B29" s="805"/>
      <c r="C29" s="805"/>
      <c r="D29" s="805"/>
      <c r="E29" s="805"/>
      <c r="F29" s="818"/>
      <c r="G29" s="819" t="s">
        <v>403</v>
      </c>
      <c r="H29" s="805"/>
      <c r="I29" s="805"/>
      <c r="J29" s="805"/>
      <c r="K29" s="805"/>
      <c r="L29" s="805"/>
      <c r="M29" s="805"/>
      <c r="N29" s="805"/>
      <c r="O29" s="805"/>
      <c r="P29" s="805"/>
      <c r="Q29" s="805"/>
      <c r="R29" s="805"/>
      <c r="S29" s="824" t="s">
        <v>397</v>
      </c>
      <c r="T29" s="825"/>
    </row>
    <row r="30" spans="1:20" ht="24" customHeight="1" x14ac:dyDescent="0.2">
      <c r="A30" s="830" t="s">
        <v>404</v>
      </c>
      <c r="B30" s="798"/>
      <c r="C30" s="798"/>
      <c r="D30" s="798"/>
      <c r="E30" s="798"/>
      <c r="F30" s="799"/>
      <c r="G30" s="823" t="s">
        <v>405</v>
      </c>
      <c r="H30" s="798"/>
      <c r="I30" s="798"/>
      <c r="J30" s="798"/>
      <c r="K30" s="798"/>
      <c r="L30" s="798"/>
      <c r="M30" s="798"/>
      <c r="N30" s="798"/>
      <c r="O30" s="798"/>
      <c r="P30" s="798"/>
      <c r="Q30" s="798"/>
      <c r="R30" s="798"/>
      <c r="S30" s="827"/>
      <c r="T30" s="828"/>
    </row>
    <row r="31" spans="1:20" ht="24" customHeight="1" x14ac:dyDescent="0.2">
      <c r="A31" s="829" t="s">
        <v>406</v>
      </c>
      <c r="B31" s="805"/>
      <c r="C31" s="805"/>
      <c r="D31" s="805"/>
      <c r="E31" s="805"/>
      <c r="F31" s="818"/>
      <c r="G31" s="819" t="s">
        <v>407</v>
      </c>
      <c r="H31" s="805"/>
      <c r="I31" s="805"/>
      <c r="J31" s="805"/>
      <c r="K31" s="805"/>
      <c r="L31" s="805"/>
      <c r="M31" s="805"/>
      <c r="N31" s="805"/>
      <c r="O31" s="805"/>
      <c r="P31" s="805"/>
      <c r="Q31" s="805"/>
      <c r="R31" s="805"/>
      <c r="S31" s="824" t="s">
        <v>397</v>
      </c>
      <c r="T31" s="825"/>
    </row>
    <row r="32" spans="1:20" ht="24" customHeight="1" x14ac:dyDescent="0.2">
      <c r="A32" s="830" t="s">
        <v>408</v>
      </c>
      <c r="B32" s="798"/>
      <c r="C32" s="798"/>
      <c r="D32" s="798"/>
      <c r="E32" s="798"/>
      <c r="F32" s="799"/>
      <c r="G32" s="823" t="s">
        <v>409</v>
      </c>
      <c r="H32" s="798"/>
      <c r="I32" s="798"/>
      <c r="J32" s="798"/>
      <c r="K32" s="798"/>
      <c r="L32" s="798"/>
      <c r="M32" s="798"/>
      <c r="N32" s="798"/>
      <c r="O32" s="798"/>
      <c r="P32" s="798"/>
      <c r="Q32" s="798"/>
      <c r="R32" s="798"/>
      <c r="S32" s="824" t="s">
        <v>397</v>
      </c>
      <c r="T32" s="825"/>
    </row>
    <row r="33" spans="1:20" ht="24" customHeight="1" x14ac:dyDescent="0.2">
      <c r="A33" s="822"/>
      <c r="B33" s="798"/>
      <c r="C33" s="798"/>
      <c r="D33" s="798"/>
      <c r="E33" s="798"/>
      <c r="F33" s="799"/>
      <c r="G33" s="823" t="s">
        <v>410</v>
      </c>
      <c r="H33" s="798"/>
      <c r="I33" s="798"/>
      <c r="J33" s="798"/>
      <c r="K33" s="798"/>
      <c r="L33" s="798"/>
      <c r="M33" s="798"/>
      <c r="N33" s="798"/>
      <c r="O33" s="798"/>
      <c r="P33" s="798"/>
      <c r="Q33" s="798"/>
      <c r="R33" s="798"/>
      <c r="S33" s="824" t="s">
        <v>397</v>
      </c>
      <c r="T33" s="825"/>
    </row>
    <row r="34" spans="1:20" ht="24" customHeight="1" x14ac:dyDescent="0.2">
      <c r="A34" s="822"/>
      <c r="B34" s="798"/>
      <c r="C34" s="798"/>
      <c r="D34" s="798"/>
      <c r="E34" s="798"/>
      <c r="F34" s="799"/>
      <c r="G34" s="823" t="s">
        <v>411</v>
      </c>
      <c r="H34" s="798"/>
      <c r="I34" s="798"/>
      <c r="J34" s="798"/>
      <c r="K34" s="798"/>
      <c r="L34" s="798"/>
      <c r="M34" s="798"/>
      <c r="N34" s="798"/>
      <c r="O34" s="798"/>
      <c r="P34" s="798"/>
      <c r="Q34" s="798"/>
      <c r="R34" s="798"/>
      <c r="S34" s="824"/>
      <c r="T34" s="825"/>
    </row>
    <row r="35" spans="1:20" ht="24" customHeight="1" x14ac:dyDescent="0.2">
      <c r="A35" s="831"/>
      <c r="B35" s="795"/>
      <c r="C35" s="795"/>
      <c r="D35" s="795"/>
      <c r="E35" s="795"/>
      <c r="F35" s="796"/>
      <c r="G35" s="826" t="s">
        <v>412</v>
      </c>
      <c r="H35" s="795"/>
      <c r="I35" s="795"/>
      <c r="J35" s="795"/>
      <c r="K35" s="795"/>
      <c r="L35" s="795"/>
      <c r="M35" s="795"/>
      <c r="N35" s="795"/>
      <c r="O35" s="795"/>
      <c r="P35" s="795"/>
      <c r="Q35" s="795"/>
      <c r="R35" s="795"/>
      <c r="S35" s="827" t="s">
        <v>397</v>
      </c>
      <c r="T35" s="828"/>
    </row>
    <row r="36" spans="1:20" ht="24" customHeight="1" x14ac:dyDescent="0.2">
      <c r="A36" s="829" t="s">
        <v>413</v>
      </c>
      <c r="B36" s="805"/>
      <c r="C36" s="805"/>
      <c r="D36" s="805"/>
      <c r="E36" s="805"/>
      <c r="F36" s="818"/>
      <c r="G36" s="819" t="s">
        <v>414</v>
      </c>
      <c r="H36" s="805"/>
      <c r="I36" s="805"/>
      <c r="J36" s="805"/>
      <c r="K36" s="805"/>
      <c r="L36" s="805"/>
      <c r="M36" s="805"/>
      <c r="N36" s="805"/>
      <c r="O36" s="805"/>
      <c r="P36" s="805"/>
      <c r="Q36" s="805"/>
      <c r="R36" s="805"/>
      <c r="S36" s="824" t="s">
        <v>397</v>
      </c>
      <c r="T36" s="825"/>
    </row>
    <row r="37" spans="1:20" ht="24" customHeight="1" x14ac:dyDescent="0.2">
      <c r="A37" s="830" t="s">
        <v>415</v>
      </c>
      <c r="B37" s="798"/>
      <c r="C37" s="798"/>
      <c r="D37" s="798"/>
      <c r="E37" s="798"/>
      <c r="F37" s="799"/>
      <c r="G37" s="823" t="s">
        <v>416</v>
      </c>
      <c r="H37" s="823"/>
      <c r="I37" s="798"/>
      <c r="J37" s="798"/>
      <c r="K37" s="798"/>
      <c r="L37" s="798"/>
      <c r="M37" s="798"/>
      <c r="N37" s="798"/>
      <c r="O37" s="798"/>
      <c r="P37" s="798"/>
      <c r="Q37" s="798"/>
      <c r="R37" s="798"/>
      <c r="S37" s="824"/>
      <c r="T37" s="825"/>
    </row>
    <row r="38" spans="1:20" ht="24" customHeight="1" x14ac:dyDescent="0.2">
      <c r="A38" s="794"/>
      <c r="B38" s="795"/>
      <c r="C38" s="795"/>
      <c r="D38" s="795"/>
      <c r="E38" s="795"/>
      <c r="F38" s="796"/>
      <c r="G38" s="826" t="s">
        <v>417</v>
      </c>
      <c r="H38" s="826"/>
      <c r="I38" s="795"/>
      <c r="J38" s="795"/>
      <c r="K38" s="795"/>
      <c r="L38" s="795"/>
      <c r="M38" s="795"/>
      <c r="N38" s="795"/>
      <c r="O38" s="795"/>
      <c r="P38" s="795"/>
      <c r="Q38" s="795"/>
      <c r="R38" s="795"/>
      <c r="S38" s="827"/>
      <c r="T38" s="828"/>
    </row>
    <row r="39" spans="1:20" ht="24" customHeight="1" x14ac:dyDescent="0.2">
      <c r="A39" s="817" t="s">
        <v>418</v>
      </c>
      <c r="B39" s="805"/>
      <c r="C39" s="805"/>
      <c r="D39" s="805"/>
      <c r="E39" s="805"/>
      <c r="F39" s="818"/>
      <c r="G39" s="819" t="s">
        <v>419</v>
      </c>
      <c r="H39" s="819"/>
      <c r="I39" s="805"/>
      <c r="J39" s="805"/>
      <c r="K39" s="805"/>
      <c r="L39" s="805"/>
      <c r="M39" s="805"/>
      <c r="N39" s="805"/>
      <c r="O39" s="805"/>
      <c r="P39" s="805"/>
      <c r="Q39" s="805"/>
      <c r="R39" s="805"/>
      <c r="S39" s="824" t="s">
        <v>397</v>
      </c>
      <c r="T39" s="825"/>
    </row>
    <row r="40" spans="1:20" ht="24" customHeight="1" x14ac:dyDescent="0.2">
      <c r="A40" s="794"/>
      <c r="B40" s="795"/>
      <c r="C40" s="795"/>
      <c r="D40" s="795"/>
      <c r="E40" s="795"/>
      <c r="F40" s="796"/>
      <c r="G40" s="826" t="s">
        <v>420</v>
      </c>
      <c r="H40" s="826"/>
      <c r="I40" s="795"/>
      <c r="J40" s="795"/>
      <c r="K40" s="795"/>
      <c r="L40" s="795"/>
      <c r="M40" s="795"/>
      <c r="N40" s="795"/>
      <c r="O40" s="795"/>
      <c r="P40" s="795"/>
      <c r="Q40" s="795"/>
      <c r="R40" s="795"/>
      <c r="S40" s="827"/>
      <c r="T40" s="828"/>
    </row>
    <row r="41" spans="1:20" ht="24" customHeight="1" x14ac:dyDescent="0.2">
      <c r="A41" s="829" t="s">
        <v>421</v>
      </c>
      <c r="B41" s="805"/>
      <c r="C41" s="805"/>
      <c r="D41" s="805"/>
      <c r="E41" s="805"/>
      <c r="F41" s="818"/>
      <c r="G41" s="819" t="s">
        <v>422</v>
      </c>
      <c r="H41" s="819"/>
      <c r="I41" s="805"/>
      <c r="J41" s="805"/>
      <c r="K41" s="805"/>
      <c r="L41" s="805"/>
      <c r="M41" s="805"/>
      <c r="N41" s="805"/>
      <c r="O41" s="805"/>
      <c r="P41" s="805"/>
      <c r="Q41" s="805"/>
      <c r="R41" s="805"/>
      <c r="S41" s="824" t="s">
        <v>397</v>
      </c>
      <c r="T41" s="825"/>
    </row>
    <row r="42" spans="1:20" ht="24" customHeight="1" x14ac:dyDescent="0.2">
      <c r="A42" s="830" t="s">
        <v>423</v>
      </c>
      <c r="B42" s="798"/>
      <c r="C42" s="798"/>
      <c r="D42" s="798"/>
      <c r="E42" s="798"/>
      <c r="F42" s="799"/>
      <c r="G42" s="823" t="s">
        <v>424</v>
      </c>
      <c r="H42" s="798"/>
      <c r="I42" s="798"/>
      <c r="J42" s="798"/>
      <c r="K42" s="798"/>
      <c r="L42" s="798"/>
      <c r="M42" s="798"/>
      <c r="N42" s="798"/>
      <c r="O42" s="798"/>
      <c r="P42" s="798"/>
      <c r="Q42" s="798"/>
      <c r="R42" s="798"/>
      <c r="S42" s="824"/>
      <c r="T42" s="825"/>
    </row>
    <row r="43" spans="1:20" ht="24" customHeight="1" x14ac:dyDescent="0.2">
      <c r="A43" s="794"/>
      <c r="B43" s="795"/>
      <c r="C43" s="795"/>
      <c r="D43" s="795"/>
      <c r="E43" s="795"/>
      <c r="F43" s="796"/>
      <c r="G43" s="826" t="s">
        <v>425</v>
      </c>
      <c r="H43" s="795"/>
      <c r="I43" s="795"/>
      <c r="J43" s="795"/>
      <c r="K43" s="795"/>
      <c r="L43" s="795"/>
      <c r="M43" s="795"/>
      <c r="N43" s="795"/>
      <c r="O43" s="795"/>
      <c r="P43" s="795"/>
      <c r="Q43" s="795"/>
      <c r="R43" s="795"/>
      <c r="S43" s="827" t="s">
        <v>397</v>
      </c>
      <c r="T43" s="828"/>
    </row>
    <row r="44" spans="1:20" ht="24" customHeight="1" x14ac:dyDescent="0.2">
      <c r="A44" s="817" t="s">
        <v>426</v>
      </c>
      <c r="B44" s="805"/>
      <c r="C44" s="805"/>
      <c r="D44" s="805"/>
      <c r="E44" s="805"/>
      <c r="F44" s="818"/>
      <c r="G44" s="819" t="s">
        <v>427</v>
      </c>
      <c r="H44" s="805"/>
      <c r="I44" s="805"/>
      <c r="J44" s="805"/>
      <c r="K44" s="805"/>
      <c r="L44" s="805"/>
      <c r="M44" s="805"/>
      <c r="N44" s="805"/>
      <c r="O44" s="805"/>
      <c r="P44" s="805"/>
      <c r="Q44" s="805"/>
      <c r="R44" s="805"/>
      <c r="S44" s="824" t="s">
        <v>397</v>
      </c>
      <c r="T44" s="825"/>
    </row>
    <row r="45" spans="1:20" ht="24" customHeight="1" x14ac:dyDescent="0.2">
      <c r="A45" s="794"/>
      <c r="B45" s="795"/>
      <c r="C45" s="795"/>
      <c r="D45" s="795"/>
      <c r="E45" s="795"/>
      <c r="F45" s="796"/>
      <c r="G45" s="826" t="s">
        <v>428</v>
      </c>
      <c r="H45" s="795"/>
      <c r="I45" s="795"/>
      <c r="J45" s="795"/>
      <c r="K45" s="795"/>
      <c r="L45" s="795"/>
      <c r="M45" s="795"/>
      <c r="N45" s="795"/>
      <c r="O45" s="795"/>
      <c r="P45" s="795"/>
      <c r="Q45" s="795"/>
      <c r="R45" s="795"/>
      <c r="S45" s="827" t="s">
        <v>397</v>
      </c>
      <c r="T45" s="828"/>
    </row>
    <row r="46" spans="1:20" ht="24" customHeight="1" x14ac:dyDescent="0.2">
      <c r="A46" s="817" t="s">
        <v>429</v>
      </c>
      <c r="B46" s="805"/>
      <c r="C46" s="805"/>
      <c r="D46" s="805"/>
      <c r="E46" s="805"/>
      <c r="F46" s="818"/>
      <c r="G46" s="819" t="s">
        <v>430</v>
      </c>
      <c r="H46" s="805"/>
      <c r="I46" s="805"/>
      <c r="J46" s="805"/>
      <c r="K46" s="805"/>
      <c r="L46" s="805"/>
      <c r="M46" s="805"/>
      <c r="N46" s="805"/>
      <c r="O46" s="805"/>
      <c r="P46" s="805"/>
      <c r="Q46" s="805"/>
      <c r="R46" s="805"/>
      <c r="S46" s="824" t="s">
        <v>397</v>
      </c>
      <c r="T46" s="825"/>
    </row>
    <row r="47" spans="1:20" ht="24" customHeight="1" x14ac:dyDescent="0.2">
      <c r="A47" s="822"/>
      <c r="B47" s="798"/>
      <c r="C47" s="798"/>
      <c r="D47" s="798"/>
      <c r="E47" s="798"/>
      <c r="F47" s="799"/>
      <c r="G47" s="823" t="s">
        <v>431</v>
      </c>
      <c r="H47" s="798"/>
      <c r="I47" s="798"/>
      <c r="J47" s="798"/>
      <c r="K47" s="798"/>
      <c r="L47" s="798"/>
      <c r="M47" s="798"/>
      <c r="N47" s="798"/>
      <c r="O47" s="798"/>
      <c r="P47" s="798"/>
      <c r="Q47" s="798"/>
      <c r="R47" s="798"/>
      <c r="S47" s="824" t="s">
        <v>397</v>
      </c>
      <c r="T47" s="825"/>
    </row>
    <row r="48" spans="1:20" ht="24" customHeight="1" x14ac:dyDescent="0.2">
      <c r="A48" s="822"/>
      <c r="B48" s="798"/>
      <c r="C48" s="798"/>
      <c r="D48" s="798"/>
      <c r="E48" s="798"/>
      <c r="F48" s="799"/>
      <c r="G48" s="823" t="s">
        <v>432</v>
      </c>
      <c r="H48" s="798"/>
      <c r="I48" s="798"/>
      <c r="J48" s="798"/>
      <c r="K48" s="798"/>
      <c r="L48" s="798"/>
      <c r="M48" s="798"/>
      <c r="N48" s="798"/>
      <c r="O48" s="798"/>
      <c r="P48" s="798"/>
      <c r="Q48" s="798"/>
      <c r="R48" s="798"/>
      <c r="S48" s="824"/>
      <c r="T48" s="825"/>
    </row>
    <row r="49" spans="1:20" ht="24" customHeight="1" x14ac:dyDescent="0.2">
      <c r="A49" s="822"/>
      <c r="B49" s="798"/>
      <c r="C49" s="798"/>
      <c r="D49" s="798"/>
      <c r="E49" s="798"/>
      <c r="F49" s="799"/>
      <c r="G49" s="823" t="s">
        <v>433</v>
      </c>
      <c r="H49" s="798"/>
      <c r="I49" s="798"/>
      <c r="J49" s="798"/>
      <c r="K49" s="798"/>
      <c r="L49" s="798"/>
      <c r="M49" s="798"/>
      <c r="N49" s="798"/>
      <c r="O49" s="798"/>
      <c r="P49" s="798"/>
      <c r="Q49" s="798"/>
      <c r="R49" s="798"/>
      <c r="S49" s="824"/>
      <c r="T49" s="825"/>
    </row>
    <row r="50" spans="1:20" ht="24" customHeight="1" x14ac:dyDescent="0.2">
      <c r="A50" s="794"/>
      <c r="B50" s="795"/>
      <c r="C50" s="795"/>
      <c r="D50" s="795"/>
      <c r="E50" s="795"/>
      <c r="F50" s="796"/>
      <c r="G50" s="826" t="s">
        <v>434</v>
      </c>
      <c r="H50" s="795"/>
      <c r="I50" s="795"/>
      <c r="J50" s="795"/>
      <c r="K50" s="795"/>
      <c r="L50" s="795"/>
      <c r="M50" s="795"/>
      <c r="N50" s="795"/>
      <c r="O50" s="795"/>
      <c r="P50" s="795"/>
      <c r="Q50" s="795"/>
      <c r="R50" s="795"/>
      <c r="S50" s="827"/>
      <c r="T50" s="828"/>
    </row>
    <row r="51" spans="1:20" ht="24" customHeight="1" x14ac:dyDescent="0.2">
      <c r="A51" s="817" t="s">
        <v>435</v>
      </c>
      <c r="B51" s="805"/>
      <c r="C51" s="805"/>
      <c r="D51" s="805"/>
      <c r="E51" s="805"/>
      <c r="F51" s="818"/>
      <c r="G51" s="819" t="s">
        <v>436</v>
      </c>
      <c r="H51" s="805"/>
      <c r="I51" s="805"/>
      <c r="J51" s="805"/>
      <c r="K51" s="805"/>
      <c r="L51" s="805"/>
      <c r="M51" s="805"/>
      <c r="N51" s="805"/>
      <c r="O51" s="805"/>
      <c r="P51" s="805"/>
      <c r="Q51" s="805"/>
      <c r="R51" s="805"/>
      <c r="S51" s="824" t="s">
        <v>397</v>
      </c>
      <c r="T51" s="825"/>
    </row>
    <row r="52" spans="1:20" ht="24" customHeight="1" x14ac:dyDescent="0.2">
      <c r="A52" s="794"/>
      <c r="B52" s="795"/>
      <c r="C52" s="795"/>
      <c r="D52" s="795"/>
      <c r="E52" s="795"/>
      <c r="F52" s="796"/>
      <c r="G52" s="826" t="s">
        <v>437</v>
      </c>
      <c r="H52" s="795"/>
      <c r="I52" s="795"/>
      <c r="J52" s="795"/>
      <c r="K52" s="795"/>
      <c r="L52" s="795"/>
      <c r="M52" s="795"/>
      <c r="N52" s="795"/>
      <c r="O52" s="795"/>
      <c r="P52" s="795"/>
      <c r="Q52" s="795"/>
      <c r="R52" s="795"/>
      <c r="S52" s="827"/>
      <c r="T52" s="828"/>
    </row>
    <row r="53" spans="1:20" ht="24" customHeight="1" x14ac:dyDescent="0.2">
      <c r="A53" s="817" t="s">
        <v>603</v>
      </c>
      <c r="B53" s="805"/>
      <c r="C53" s="805"/>
      <c r="D53" s="805"/>
      <c r="E53" s="805"/>
      <c r="F53" s="818"/>
      <c r="G53" s="819" t="s">
        <v>438</v>
      </c>
      <c r="H53" s="805"/>
      <c r="I53" s="805"/>
      <c r="J53" s="805"/>
      <c r="K53" s="805"/>
      <c r="L53" s="805"/>
      <c r="M53" s="805"/>
      <c r="N53" s="805"/>
      <c r="O53" s="805"/>
      <c r="P53" s="805"/>
      <c r="Q53" s="805"/>
      <c r="R53" s="805"/>
      <c r="S53" s="824" t="s">
        <v>397</v>
      </c>
      <c r="T53" s="825"/>
    </row>
    <row r="54" spans="1:20" ht="24" customHeight="1" x14ac:dyDescent="0.2">
      <c r="A54" s="822"/>
      <c r="B54" s="798"/>
      <c r="C54" s="798"/>
      <c r="D54" s="798"/>
      <c r="E54" s="798"/>
      <c r="F54" s="799"/>
      <c r="G54" s="823" t="s">
        <v>604</v>
      </c>
      <c r="H54" s="798"/>
      <c r="I54" s="798"/>
      <c r="J54" s="798"/>
      <c r="K54" s="798"/>
      <c r="L54" s="798"/>
      <c r="M54" s="798"/>
      <c r="N54" s="798"/>
      <c r="O54" s="798"/>
      <c r="P54" s="798"/>
      <c r="Q54" s="798"/>
      <c r="R54" s="798"/>
      <c r="S54" s="824"/>
      <c r="T54" s="825"/>
    </row>
    <row r="55" spans="1:20" ht="24" customHeight="1" x14ac:dyDescent="0.2">
      <c r="A55" s="822"/>
      <c r="B55" s="798"/>
      <c r="C55" s="798"/>
      <c r="D55" s="798"/>
      <c r="E55" s="798"/>
      <c r="F55" s="799"/>
      <c r="G55" s="823" t="s">
        <v>439</v>
      </c>
      <c r="H55" s="798"/>
      <c r="I55" s="798"/>
      <c r="J55" s="798"/>
      <c r="K55" s="798"/>
      <c r="L55" s="798"/>
      <c r="M55" s="798"/>
      <c r="N55" s="798"/>
      <c r="O55" s="798"/>
      <c r="P55" s="798"/>
      <c r="Q55" s="798"/>
      <c r="R55" s="798"/>
      <c r="S55" s="824"/>
      <c r="T55" s="825"/>
    </row>
    <row r="56" spans="1:20" ht="24" customHeight="1" x14ac:dyDescent="0.2">
      <c r="A56" s="822"/>
      <c r="B56" s="798"/>
      <c r="C56" s="798"/>
      <c r="D56" s="798"/>
      <c r="E56" s="798"/>
      <c r="F56" s="799"/>
      <c r="G56" s="823" t="s">
        <v>440</v>
      </c>
      <c r="H56" s="798"/>
      <c r="I56" s="798"/>
      <c r="J56" s="798"/>
      <c r="K56" s="798"/>
      <c r="L56" s="798"/>
      <c r="M56" s="798"/>
      <c r="N56" s="798"/>
      <c r="O56" s="798"/>
      <c r="P56" s="798"/>
      <c r="Q56" s="798"/>
      <c r="R56" s="798"/>
      <c r="S56" s="824"/>
      <c r="T56" s="825"/>
    </row>
    <row r="57" spans="1:20" ht="24" customHeight="1" x14ac:dyDescent="0.2">
      <c r="A57" s="822"/>
      <c r="B57" s="798"/>
      <c r="C57" s="798"/>
      <c r="D57" s="798"/>
      <c r="E57" s="798"/>
      <c r="F57" s="799"/>
      <c r="G57" s="823" t="s">
        <v>441</v>
      </c>
      <c r="H57" s="798"/>
      <c r="I57" s="798"/>
      <c r="J57" s="798"/>
      <c r="K57" s="798"/>
      <c r="L57" s="798"/>
      <c r="M57" s="798"/>
      <c r="N57" s="798"/>
      <c r="O57" s="798"/>
      <c r="P57" s="798"/>
      <c r="Q57" s="798"/>
      <c r="R57" s="798"/>
      <c r="S57" s="824"/>
      <c r="T57" s="825"/>
    </row>
    <row r="58" spans="1:20" ht="24" customHeight="1" x14ac:dyDescent="0.2">
      <c r="A58" s="794"/>
      <c r="B58" s="795"/>
      <c r="C58" s="795"/>
      <c r="D58" s="795"/>
      <c r="E58" s="795"/>
      <c r="F58" s="796"/>
      <c r="G58" s="826" t="s">
        <v>442</v>
      </c>
      <c r="H58" s="795"/>
      <c r="I58" s="795"/>
      <c r="J58" s="795"/>
      <c r="K58" s="795"/>
      <c r="L58" s="795"/>
      <c r="M58" s="795"/>
      <c r="N58" s="795"/>
      <c r="O58" s="795"/>
      <c r="P58" s="795"/>
      <c r="Q58" s="795"/>
      <c r="R58" s="795"/>
      <c r="S58" s="827"/>
      <c r="T58" s="828"/>
    </row>
    <row r="59" spans="1:20" ht="24" customHeight="1" x14ac:dyDescent="0.2">
      <c r="A59" s="832" t="s">
        <v>443</v>
      </c>
      <c r="B59" s="792"/>
      <c r="C59" s="792"/>
      <c r="D59" s="792"/>
      <c r="E59" s="792"/>
      <c r="F59" s="793"/>
      <c r="G59" s="792" t="s">
        <v>444</v>
      </c>
      <c r="H59" s="792"/>
      <c r="I59" s="792"/>
      <c r="J59" s="792"/>
      <c r="K59" s="792"/>
      <c r="L59" s="792"/>
      <c r="M59" s="792"/>
      <c r="N59" s="792"/>
      <c r="O59" s="792"/>
      <c r="P59" s="792"/>
      <c r="Q59" s="792"/>
      <c r="R59" s="792"/>
      <c r="S59" s="827" t="s">
        <v>397</v>
      </c>
      <c r="T59" s="828"/>
    </row>
    <row r="60" spans="1:20" ht="24" customHeight="1" x14ac:dyDescent="0.2">
      <c r="A60" s="832" t="s">
        <v>445</v>
      </c>
      <c r="B60" s="792"/>
      <c r="C60" s="792"/>
      <c r="D60" s="792"/>
      <c r="E60" s="792"/>
      <c r="F60" s="793"/>
      <c r="G60" s="833" t="s">
        <v>446</v>
      </c>
      <c r="H60" s="792"/>
      <c r="I60" s="792"/>
      <c r="J60" s="792"/>
      <c r="K60" s="792"/>
      <c r="L60" s="792"/>
      <c r="M60" s="792"/>
      <c r="N60" s="792"/>
      <c r="O60" s="792"/>
      <c r="P60" s="792"/>
      <c r="Q60" s="792"/>
      <c r="R60" s="792"/>
      <c r="S60" s="827" t="s">
        <v>397</v>
      </c>
      <c r="T60" s="828"/>
    </row>
    <row r="61" spans="1:20" ht="24" customHeight="1" x14ac:dyDescent="0.2">
      <c r="A61" s="829" t="s">
        <v>447</v>
      </c>
      <c r="B61" s="805"/>
      <c r="C61" s="805"/>
      <c r="D61" s="805"/>
      <c r="E61" s="805"/>
      <c r="F61" s="818"/>
      <c r="G61" s="819" t="s">
        <v>448</v>
      </c>
      <c r="H61" s="805"/>
      <c r="I61" s="805"/>
      <c r="J61" s="805"/>
      <c r="K61" s="805"/>
      <c r="L61" s="805"/>
      <c r="M61" s="805"/>
      <c r="N61" s="805"/>
      <c r="O61" s="805"/>
      <c r="P61" s="805"/>
      <c r="Q61" s="805"/>
      <c r="R61" s="805"/>
      <c r="S61" s="824" t="s">
        <v>397</v>
      </c>
      <c r="T61" s="825"/>
    </row>
    <row r="62" spans="1:20" ht="24" customHeight="1" x14ac:dyDescent="0.2">
      <c r="A62" s="830" t="s">
        <v>449</v>
      </c>
      <c r="B62" s="798"/>
      <c r="C62" s="798"/>
      <c r="D62" s="798"/>
      <c r="E62" s="798"/>
      <c r="F62" s="799"/>
      <c r="G62" s="823" t="s">
        <v>450</v>
      </c>
      <c r="H62" s="798"/>
      <c r="I62" s="798"/>
      <c r="J62" s="798"/>
      <c r="K62" s="798"/>
      <c r="L62" s="798"/>
      <c r="M62" s="798"/>
      <c r="N62" s="798"/>
      <c r="O62" s="798"/>
      <c r="P62" s="798"/>
      <c r="Q62" s="798"/>
      <c r="R62" s="798"/>
      <c r="S62" s="824" t="s">
        <v>397</v>
      </c>
      <c r="T62" s="825"/>
    </row>
    <row r="63" spans="1:20" ht="24" customHeight="1" x14ac:dyDescent="0.2">
      <c r="A63" s="794"/>
      <c r="B63" s="795"/>
      <c r="C63" s="795"/>
      <c r="D63" s="795"/>
      <c r="E63" s="795"/>
      <c r="F63" s="796"/>
      <c r="G63" s="826" t="s">
        <v>451</v>
      </c>
      <c r="H63" s="795"/>
      <c r="I63" s="795"/>
      <c r="J63" s="795"/>
      <c r="K63" s="795"/>
      <c r="L63" s="795"/>
      <c r="M63" s="795"/>
      <c r="N63" s="795"/>
      <c r="O63" s="795"/>
      <c r="P63" s="795"/>
      <c r="Q63" s="795"/>
      <c r="R63" s="795"/>
      <c r="S63" s="827" t="s">
        <v>397</v>
      </c>
      <c r="T63" s="828"/>
    </row>
    <row r="64" spans="1:20" ht="24" customHeight="1" x14ac:dyDescent="0.2">
      <c r="A64" s="829" t="s">
        <v>452</v>
      </c>
      <c r="B64" s="805"/>
      <c r="C64" s="805"/>
      <c r="D64" s="805"/>
      <c r="E64" s="805"/>
      <c r="F64" s="818"/>
      <c r="G64" s="819" t="s">
        <v>453</v>
      </c>
      <c r="H64" s="805"/>
      <c r="I64" s="805"/>
      <c r="J64" s="805"/>
      <c r="K64" s="805"/>
      <c r="L64" s="805"/>
      <c r="M64" s="805"/>
      <c r="N64" s="805"/>
      <c r="O64" s="805"/>
      <c r="P64" s="805"/>
      <c r="Q64" s="805"/>
      <c r="R64" s="805"/>
      <c r="S64" s="824" t="s">
        <v>397</v>
      </c>
      <c r="T64" s="825"/>
    </row>
    <row r="65" spans="1:21" ht="24" customHeight="1" x14ac:dyDescent="0.2">
      <c r="A65" s="830" t="s">
        <v>454</v>
      </c>
      <c r="B65" s="798"/>
      <c r="C65" s="798"/>
      <c r="D65" s="798"/>
      <c r="E65" s="798"/>
      <c r="F65" s="799"/>
      <c r="G65" s="823" t="s">
        <v>455</v>
      </c>
      <c r="H65" s="798"/>
      <c r="I65" s="798"/>
      <c r="J65" s="798"/>
      <c r="K65" s="798"/>
      <c r="L65" s="798"/>
      <c r="M65" s="798"/>
      <c r="N65" s="798"/>
      <c r="O65" s="798"/>
      <c r="P65" s="798"/>
      <c r="Q65" s="798"/>
      <c r="R65" s="798"/>
      <c r="S65" s="824" t="s">
        <v>397</v>
      </c>
      <c r="T65" s="825"/>
    </row>
    <row r="66" spans="1:21" ht="24" customHeight="1" x14ac:dyDescent="0.2">
      <c r="A66" s="794"/>
      <c r="B66" s="795"/>
      <c r="C66" s="795"/>
      <c r="D66" s="795"/>
      <c r="E66" s="795"/>
      <c r="F66" s="796"/>
      <c r="G66" s="826" t="s">
        <v>456</v>
      </c>
      <c r="H66" s="795"/>
      <c r="I66" s="795"/>
      <c r="J66" s="795"/>
      <c r="K66" s="795"/>
      <c r="L66" s="795"/>
      <c r="M66" s="795"/>
      <c r="N66" s="795"/>
      <c r="O66" s="795"/>
      <c r="P66" s="795"/>
      <c r="Q66" s="795"/>
      <c r="R66" s="795"/>
      <c r="S66" s="827" t="s">
        <v>397</v>
      </c>
      <c r="T66" s="828"/>
      <c r="U66" s="822"/>
    </row>
    <row r="67" spans="1:21" ht="24" customHeight="1" x14ac:dyDescent="0.2">
      <c r="A67" s="832" t="s">
        <v>457</v>
      </c>
      <c r="B67" s="792"/>
      <c r="C67" s="792"/>
      <c r="D67" s="792"/>
      <c r="E67" s="792"/>
      <c r="F67" s="793"/>
      <c r="G67" s="833" t="s">
        <v>458</v>
      </c>
      <c r="H67" s="792"/>
      <c r="I67" s="792"/>
      <c r="J67" s="792"/>
      <c r="K67" s="792"/>
      <c r="L67" s="792"/>
      <c r="M67" s="792"/>
      <c r="N67" s="792"/>
      <c r="O67" s="792"/>
      <c r="P67" s="792"/>
      <c r="Q67" s="792"/>
      <c r="R67" s="792"/>
      <c r="S67" s="827" t="s">
        <v>397</v>
      </c>
      <c r="T67" s="828"/>
    </row>
    <row r="68" spans="1:21" ht="24" customHeight="1" x14ac:dyDescent="0.2">
      <c r="A68" s="786" t="s">
        <v>459</v>
      </c>
    </row>
    <row r="69" spans="1:21" ht="24" customHeight="1" x14ac:dyDescent="0.2">
      <c r="A69" s="786" t="s">
        <v>460</v>
      </c>
    </row>
    <row r="70" spans="1:21" ht="24" customHeight="1" x14ac:dyDescent="0.2"/>
    <row r="71" spans="1:21" ht="24" customHeight="1" x14ac:dyDescent="0.2">
      <c r="A71" s="786" t="s">
        <v>461</v>
      </c>
    </row>
    <row r="72" spans="1:21" ht="24" customHeight="1" x14ac:dyDescent="0.2">
      <c r="A72" s="834" t="s">
        <v>462</v>
      </c>
      <c r="B72" s="834"/>
      <c r="C72" s="834"/>
      <c r="D72" s="834" t="s">
        <v>463</v>
      </c>
      <c r="E72" s="834"/>
      <c r="F72" s="834"/>
      <c r="G72" s="834"/>
      <c r="H72" s="834"/>
      <c r="I72" s="834"/>
      <c r="J72" s="834"/>
      <c r="K72" s="834"/>
      <c r="L72" s="834"/>
      <c r="M72" s="834"/>
      <c r="N72" s="834"/>
      <c r="O72" s="834"/>
      <c r="P72" s="834"/>
      <c r="Q72" s="835"/>
      <c r="R72" s="834" t="s">
        <v>335</v>
      </c>
      <c r="S72" s="834"/>
      <c r="T72" s="834"/>
    </row>
    <row r="73" spans="1:21" ht="24" customHeight="1" x14ac:dyDescent="0.2">
      <c r="A73" s="822" t="s">
        <v>464</v>
      </c>
      <c r="B73" s="798"/>
      <c r="C73" s="799"/>
      <c r="D73" s="822" t="s">
        <v>465</v>
      </c>
      <c r="E73" s="798"/>
      <c r="F73" s="798"/>
      <c r="G73" s="798"/>
      <c r="H73" s="798"/>
      <c r="I73" s="798"/>
      <c r="J73" s="798"/>
      <c r="K73" s="798"/>
      <c r="L73" s="798"/>
      <c r="M73" s="798"/>
      <c r="N73" s="798"/>
      <c r="O73" s="798"/>
      <c r="P73" s="798"/>
      <c r="Q73" s="798"/>
      <c r="R73" s="822" t="s">
        <v>466</v>
      </c>
      <c r="S73" s="798"/>
      <c r="T73" s="799"/>
    </row>
    <row r="74" spans="1:21" ht="24" customHeight="1" x14ac:dyDescent="0.2">
      <c r="A74" s="822"/>
      <c r="B74" s="798"/>
      <c r="C74" s="799"/>
      <c r="D74" s="822" t="s">
        <v>467</v>
      </c>
      <c r="E74" s="798"/>
      <c r="F74" s="798"/>
      <c r="G74" s="798"/>
      <c r="H74" s="798"/>
      <c r="I74" s="798"/>
      <c r="J74" s="798"/>
      <c r="K74" s="798"/>
      <c r="L74" s="798"/>
      <c r="M74" s="798"/>
      <c r="N74" s="798"/>
      <c r="O74" s="798"/>
      <c r="P74" s="836" t="s">
        <v>468</v>
      </c>
      <c r="Q74" s="798"/>
      <c r="R74" s="822"/>
      <c r="S74" s="798"/>
      <c r="T74" s="799"/>
    </row>
    <row r="75" spans="1:21" ht="24" customHeight="1" x14ac:dyDescent="0.2">
      <c r="A75" s="822"/>
      <c r="B75" s="798"/>
      <c r="C75" s="799"/>
      <c r="D75" s="837" t="s">
        <v>469</v>
      </c>
      <c r="E75" s="838"/>
      <c r="F75" s="838"/>
      <c r="G75" s="838"/>
      <c r="H75" s="838"/>
      <c r="I75" s="838"/>
      <c r="J75" s="838"/>
      <c r="K75" s="838"/>
      <c r="L75" s="838"/>
      <c r="M75" s="838"/>
      <c r="N75" s="838"/>
      <c r="O75" s="838"/>
      <c r="P75" s="836" t="s">
        <v>468</v>
      </c>
      <c r="Q75" s="839"/>
      <c r="R75" s="822"/>
      <c r="S75" s="798"/>
      <c r="T75" s="799"/>
    </row>
    <row r="76" spans="1:21" ht="24" customHeight="1" x14ac:dyDescent="0.2">
      <c r="A76" s="822"/>
      <c r="B76" s="798"/>
      <c r="C76" s="799"/>
      <c r="D76" s="837" t="s">
        <v>470</v>
      </c>
      <c r="E76" s="838"/>
      <c r="F76" s="838"/>
      <c r="G76" s="838"/>
      <c r="H76" s="838"/>
      <c r="I76" s="838"/>
      <c r="J76" s="838"/>
      <c r="K76" s="838"/>
      <c r="L76" s="838"/>
      <c r="M76" s="838"/>
      <c r="N76" s="838"/>
      <c r="O76" s="838"/>
      <c r="P76" s="839"/>
      <c r="Q76" s="839"/>
      <c r="R76" s="822"/>
      <c r="S76" s="798"/>
      <c r="T76" s="799"/>
    </row>
    <row r="77" spans="1:21" ht="24" customHeight="1" x14ac:dyDescent="0.2">
      <c r="A77" s="822"/>
      <c r="B77" s="798"/>
      <c r="C77" s="799"/>
      <c r="D77" s="822" t="s">
        <v>471</v>
      </c>
      <c r="E77" s="798"/>
      <c r="F77" s="798"/>
      <c r="G77" s="798"/>
      <c r="H77" s="798"/>
      <c r="I77" s="798"/>
      <c r="J77" s="798"/>
      <c r="K77" s="798"/>
      <c r="L77" s="798"/>
      <c r="M77" s="798"/>
      <c r="N77" s="798"/>
      <c r="O77" s="798"/>
      <c r="P77" s="798"/>
      <c r="Q77" s="798"/>
      <c r="R77" s="822"/>
      <c r="S77" s="798"/>
      <c r="T77" s="799"/>
    </row>
    <row r="78" spans="1:21" ht="24" customHeight="1" x14ac:dyDescent="0.2">
      <c r="A78" s="822"/>
      <c r="B78" s="798"/>
      <c r="C78" s="799"/>
      <c r="D78" s="822" t="s">
        <v>472</v>
      </c>
      <c r="E78" s="798"/>
      <c r="F78" s="798"/>
      <c r="G78" s="798"/>
      <c r="H78" s="798"/>
      <c r="I78" s="798"/>
      <c r="J78" s="798"/>
      <c r="K78" s="798"/>
      <c r="L78" s="798"/>
      <c r="M78" s="798"/>
      <c r="N78" s="798"/>
      <c r="O78" s="798"/>
      <c r="P78" s="798"/>
      <c r="Q78" s="798"/>
      <c r="R78" s="822"/>
      <c r="S78" s="798"/>
      <c r="T78" s="799"/>
    </row>
    <row r="79" spans="1:21" ht="24" customHeight="1" x14ac:dyDescent="0.2">
      <c r="A79" s="822"/>
      <c r="B79" s="798"/>
      <c r="C79" s="799"/>
      <c r="D79" s="840" t="s">
        <v>473</v>
      </c>
      <c r="E79" s="841"/>
      <c r="F79" s="841"/>
      <c r="G79" s="841"/>
      <c r="H79" s="841"/>
      <c r="I79" s="841"/>
      <c r="J79" s="841"/>
      <c r="K79" s="841"/>
      <c r="L79" s="841"/>
      <c r="M79" s="841"/>
      <c r="N79" s="841"/>
      <c r="O79" s="841"/>
      <c r="P79" s="841"/>
      <c r="Q79" s="841"/>
      <c r="R79" s="822"/>
      <c r="S79" s="798"/>
      <c r="T79" s="799"/>
    </row>
    <row r="80" spans="1:21" ht="24" customHeight="1" x14ac:dyDescent="0.2">
      <c r="A80" s="822"/>
      <c r="B80" s="798"/>
      <c r="C80" s="799"/>
      <c r="D80" s="822" t="s">
        <v>474</v>
      </c>
      <c r="E80" s="798"/>
      <c r="F80" s="798"/>
      <c r="G80" s="798"/>
      <c r="H80" s="798"/>
      <c r="I80" s="798"/>
      <c r="J80" s="798"/>
      <c r="K80" s="798"/>
      <c r="L80" s="798"/>
      <c r="M80" s="798"/>
      <c r="N80" s="798"/>
      <c r="O80" s="798"/>
      <c r="P80" s="798"/>
      <c r="Q80" s="798"/>
      <c r="R80" s="822"/>
      <c r="S80" s="798"/>
      <c r="T80" s="799"/>
    </row>
    <row r="81" spans="1:20" ht="24" customHeight="1" x14ac:dyDescent="0.2">
      <c r="A81" s="822"/>
      <c r="B81" s="798"/>
      <c r="C81" s="799"/>
      <c r="D81" s="840" t="s">
        <v>473</v>
      </c>
      <c r="E81" s="841"/>
      <c r="F81" s="841"/>
      <c r="G81" s="841"/>
      <c r="H81" s="841"/>
      <c r="I81" s="841"/>
      <c r="J81" s="841"/>
      <c r="K81" s="841"/>
      <c r="L81" s="841"/>
      <c r="M81" s="841"/>
      <c r="N81" s="841"/>
      <c r="O81" s="841"/>
      <c r="P81" s="841"/>
      <c r="Q81" s="841"/>
      <c r="R81" s="822"/>
      <c r="S81" s="798"/>
      <c r="T81" s="799"/>
    </row>
    <row r="82" spans="1:20" ht="24" customHeight="1" x14ac:dyDescent="0.2">
      <c r="A82" s="822"/>
      <c r="B82" s="798"/>
      <c r="C82" s="799"/>
      <c r="D82" s="822" t="s">
        <v>475</v>
      </c>
      <c r="E82" s="798"/>
      <c r="F82" s="798"/>
      <c r="G82" s="798"/>
      <c r="H82" s="798"/>
      <c r="I82" s="798"/>
      <c r="J82" s="798"/>
      <c r="K82" s="798"/>
      <c r="L82" s="798"/>
      <c r="M82" s="798"/>
      <c r="N82" s="798"/>
      <c r="O82" s="798"/>
      <c r="P82" s="798"/>
      <c r="Q82" s="798"/>
      <c r="R82" s="822"/>
      <c r="S82" s="798"/>
      <c r="T82" s="799"/>
    </row>
    <row r="83" spans="1:20" ht="24" customHeight="1" x14ac:dyDescent="0.2">
      <c r="A83" s="794"/>
      <c r="B83" s="795"/>
      <c r="C83" s="796"/>
      <c r="D83" s="842" t="s">
        <v>473</v>
      </c>
      <c r="E83" s="843"/>
      <c r="F83" s="843"/>
      <c r="G83" s="843"/>
      <c r="H83" s="843"/>
      <c r="I83" s="843"/>
      <c r="J83" s="843"/>
      <c r="K83" s="843"/>
      <c r="L83" s="843"/>
      <c r="M83" s="843"/>
      <c r="N83" s="843"/>
      <c r="O83" s="843"/>
      <c r="P83" s="843"/>
      <c r="Q83" s="843"/>
      <c r="R83" s="822"/>
      <c r="S83" s="798"/>
      <c r="T83" s="799"/>
    </row>
    <row r="84" spans="1:20" ht="24" customHeight="1" x14ac:dyDescent="0.2">
      <c r="A84" s="817" t="s">
        <v>476</v>
      </c>
      <c r="B84" s="805"/>
      <c r="C84" s="818"/>
      <c r="D84" s="805" t="s">
        <v>477</v>
      </c>
      <c r="E84" s="805"/>
      <c r="F84" s="805"/>
      <c r="G84" s="805"/>
      <c r="H84" s="805"/>
      <c r="I84" s="805"/>
      <c r="J84" s="805"/>
      <c r="K84" s="805"/>
      <c r="L84" s="805"/>
      <c r="M84" s="805"/>
      <c r="N84" s="805"/>
      <c r="O84" s="805"/>
      <c r="P84" s="844" t="s">
        <v>478</v>
      </c>
      <c r="Q84" s="805"/>
      <c r="R84" s="817" t="s">
        <v>466</v>
      </c>
      <c r="S84" s="805"/>
      <c r="T84" s="818"/>
    </row>
    <row r="85" spans="1:20" ht="24" customHeight="1" x14ac:dyDescent="0.2">
      <c r="A85" s="794"/>
      <c r="B85" s="795"/>
      <c r="C85" s="796"/>
      <c r="D85" s="795" t="s">
        <v>479</v>
      </c>
      <c r="E85" s="795"/>
      <c r="F85" s="795"/>
      <c r="G85" s="795"/>
      <c r="H85" s="795"/>
      <c r="I85" s="795"/>
      <c r="J85" s="795"/>
      <c r="K85" s="795"/>
      <c r="L85" s="795"/>
      <c r="M85" s="795"/>
      <c r="N85" s="795"/>
      <c r="O85" s="795"/>
      <c r="P85" s="795"/>
      <c r="Q85" s="795"/>
      <c r="R85" s="794"/>
      <c r="S85" s="795"/>
      <c r="T85" s="796"/>
    </row>
    <row r="86" spans="1:20" ht="24" customHeight="1" x14ac:dyDescent="0.2">
      <c r="A86" s="817" t="s">
        <v>480</v>
      </c>
      <c r="B86" s="805"/>
      <c r="C86" s="818"/>
      <c r="D86" s="805" t="s">
        <v>481</v>
      </c>
      <c r="E86" s="805"/>
      <c r="F86" s="805"/>
      <c r="G86" s="805"/>
      <c r="H86" s="805"/>
      <c r="I86" s="805"/>
      <c r="J86" s="805"/>
      <c r="K86" s="805"/>
      <c r="L86" s="805"/>
      <c r="M86" s="805"/>
      <c r="N86" s="805"/>
      <c r="O86" s="805"/>
      <c r="P86" s="844" t="s">
        <v>482</v>
      </c>
      <c r="Q86" s="805"/>
      <c r="R86" s="817" t="s">
        <v>483</v>
      </c>
      <c r="S86" s="805"/>
      <c r="T86" s="818"/>
    </row>
    <row r="87" spans="1:20" ht="24" customHeight="1" x14ac:dyDescent="0.2">
      <c r="A87" s="822" t="s">
        <v>484</v>
      </c>
      <c r="B87" s="798"/>
      <c r="C87" s="799"/>
      <c r="D87" s="798" t="s">
        <v>485</v>
      </c>
      <c r="E87" s="798"/>
      <c r="F87" s="798"/>
      <c r="G87" s="798"/>
      <c r="H87" s="798"/>
      <c r="I87" s="798"/>
      <c r="J87" s="798"/>
      <c r="K87" s="798"/>
      <c r="L87" s="798"/>
      <c r="M87" s="798"/>
      <c r="N87" s="798"/>
      <c r="O87" s="798"/>
      <c r="P87" s="798"/>
      <c r="Q87" s="798"/>
      <c r="R87" s="822" t="s">
        <v>486</v>
      </c>
      <c r="S87" s="798"/>
      <c r="T87" s="799"/>
    </row>
    <row r="88" spans="1:20" ht="24" customHeight="1" x14ac:dyDescent="0.2">
      <c r="A88" s="822"/>
      <c r="B88" s="798"/>
      <c r="C88" s="799"/>
      <c r="D88" s="798" t="s">
        <v>487</v>
      </c>
      <c r="E88" s="798"/>
      <c r="F88" s="798"/>
      <c r="G88" s="798"/>
      <c r="H88" s="798"/>
      <c r="I88" s="798"/>
      <c r="J88" s="798"/>
      <c r="K88" s="798"/>
      <c r="L88" s="798"/>
      <c r="M88" s="798"/>
      <c r="N88" s="798"/>
      <c r="O88" s="798"/>
      <c r="P88" s="798"/>
      <c r="Q88" s="798"/>
      <c r="R88" s="822" t="s">
        <v>488</v>
      </c>
      <c r="S88" s="798"/>
      <c r="T88" s="799"/>
    </row>
    <row r="89" spans="1:20" ht="24" customHeight="1" x14ac:dyDescent="0.2">
      <c r="A89" s="822"/>
      <c r="B89" s="798"/>
      <c r="C89" s="799"/>
      <c r="D89" s="798" t="s">
        <v>489</v>
      </c>
      <c r="E89" s="798"/>
      <c r="F89" s="798"/>
      <c r="G89" s="798"/>
      <c r="H89" s="798"/>
      <c r="I89" s="798"/>
      <c r="J89" s="798"/>
      <c r="K89" s="798"/>
      <c r="L89" s="798"/>
      <c r="M89" s="798"/>
      <c r="N89" s="798"/>
      <c r="O89" s="798"/>
      <c r="P89" s="798"/>
      <c r="Q89" s="798"/>
      <c r="R89" s="822" t="s">
        <v>490</v>
      </c>
      <c r="S89" s="798"/>
      <c r="T89" s="799"/>
    </row>
    <row r="90" spans="1:20" ht="24" customHeight="1" x14ac:dyDescent="0.2">
      <c r="A90" s="822"/>
      <c r="B90" s="798"/>
      <c r="C90" s="799"/>
      <c r="D90" s="798" t="s">
        <v>491</v>
      </c>
      <c r="E90" s="798"/>
      <c r="F90" s="798"/>
      <c r="G90" s="798"/>
      <c r="H90" s="798"/>
      <c r="I90" s="798"/>
      <c r="J90" s="798"/>
      <c r="K90" s="798"/>
      <c r="L90" s="798"/>
      <c r="M90" s="798"/>
      <c r="N90" s="798"/>
      <c r="O90" s="798"/>
      <c r="P90" s="836" t="s">
        <v>468</v>
      </c>
      <c r="Q90" s="798"/>
      <c r="R90" s="822"/>
      <c r="S90" s="798"/>
      <c r="T90" s="799"/>
    </row>
    <row r="91" spans="1:20" ht="24" customHeight="1" x14ac:dyDescent="0.2">
      <c r="A91" s="822"/>
      <c r="B91" s="798"/>
      <c r="C91" s="799"/>
      <c r="D91" s="798" t="s">
        <v>492</v>
      </c>
      <c r="E91" s="798"/>
      <c r="F91" s="798"/>
      <c r="G91" s="798"/>
      <c r="H91" s="798"/>
      <c r="I91" s="798"/>
      <c r="J91" s="798"/>
      <c r="K91" s="798"/>
      <c r="L91" s="798"/>
      <c r="M91" s="798"/>
      <c r="N91" s="798"/>
      <c r="O91" s="798"/>
      <c r="P91" s="836" t="s">
        <v>468</v>
      </c>
      <c r="Q91" s="798"/>
      <c r="R91" s="822"/>
      <c r="S91" s="798"/>
      <c r="T91" s="799"/>
    </row>
    <row r="92" spans="1:20" ht="24" customHeight="1" x14ac:dyDescent="0.2">
      <c r="A92" s="822"/>
      <c r="B92" s="798"/>
      <c r="C92" s="799"/>
      <c r="D92" s="798" t="s">
        <v>493</v>
      </c>
      <c r="E92" s="798"/>
      <c r="F92" s="798"/>
      <c r="G92" s="798"/>
      <c r="H92" s="798"/>
      <c r="I92" s="798"/>
      <c r="J92" s="798"/>
      <c r="K92" s="798"/>
      <c r="L92" s="798"/>
      <c r="M92" s="798"/>
      <c r="N92" s="798"/>
      <c r="O92" s="798"/>
      <c r="P92" s="836" t="s">
        <v>468</v>
      </c>
      <c r="Q92" s="798"/>
      <c r="R92" s="822"/>
      <c r="S92" s="798"/>
      <c r="T92" s="799"/>
    </row>
    <row r="93" spans="1:20" ht="24" customHeight="1" x14ac:dyDescent="0.2">
      <c r="A93" s="794"/>
      <c r="B93" s="795"/>
      <c r="C93" s="796"/>
      <c r="D93" s="795" t="s">
        <v>494</v>
      </c>
      <c r="E93" s="795"/>
      <c r="F93" s="795"/>
      <c r="G93" s="795"/>
      <c r="H93" s="795"/>
      <c r="I93" s="795"/>
      <c r="J93" s="795"/>
      <c r="K93" s="795"/>
      <c r="L93" s="795"/>
      <c r="M93" s="795"/>
      <c r="N93" s="795"/>
      <c r="O93" s="795"/>
      <c r="P93" s="845" t="s">
        <v>468</v>
      </c>
      <c r="Q93" s="795"/>
      <c r="R93" s="794"/>
      <c r="S93" s="795"/>
      <c r="T93" s="796"/>
    </row>
    <row r="94" spans="1:20" ht="24" customHeight="1" x14ac:dyDescent="0.2">
      <c r="A94" s="817" t="s">
        <v>495</v>
      </c>
      <c r="B94" s="805"/>
      <c r="C94" s="818"/>
      <c r="D94" s="805" t="s">
        <v>496</v>
      </c>
      <c r="E94" s="805"/>
      <c r="F94" s="805"/>
      <c r="G94" s="805"/>
      <c r="H94" s="805"/>
      <c r="I94" s="805"/>
      <c r="J94" s="805"/>
      <c r="K94" s="805"/>
      <c r="L94" s="805"/>
      <c r="M94" s="805"/>
      <c r="N94" s="805"/>
      <c r="O94" s="805"/>
      <c r="P94" s="844" t="s">
        <v>468</v>
      </c>
      <c r="Q94" s="805"/>
      <c r="R94" s="817" t="s">
        <v>497</v>
      </c>
      <c r="S94" s="805"/>
      <c r="T94" s="818"/>
    </row>
    <row r="95" spans="1:20" ht="24" customHeight="1" x14ac:dyDescent="0.2">
      <c r="A95" s="822"/>
      <c r="B95" s="798"/>
      <c r="C95" s="799"/>
      <c r="D95" s="798" t="s">
        <v>498</v>
      </c>
      <c r="E95" s="798"/>
      <c r="F95" s="798"/>
      <c r="G95" s="798"/>
      <c r="H95" s="798"/>
      <c r="I95" s="798"/>
      <c r="J95" s="798"/>
      <c r="K95" s="798"/>
      <c r="L95" s="798"/>
      <c r="M95" s="798"/>
      <c r="N95" s="798"/>
      <c r="O95" s="798"/>
      <c r="P95" s="836" t="s">
        <v>468</v>
      </c>
      <c r="Q95" s="798"/>
      <c r="R95" s="822" t="s">
        <v>499</v>
      </c>
      <c r="S95" s="798"/>
      <c r="T95" s="799"/>
    </row>
    <row r="96" spans="1:20" ht="24" customHeight="1" x14ac:dyDescent="0.2">
      <c r="A96" s="822"/>
      <c r="B96" s="798"/>
      <c r="C96" s="799"/>
      <c r="D96" s="798" t="s">
        <v>500</v>
      </c>
      <c r="E96" s="798"/>
      <c r="F96" s="798"/>
      <c r="G96" s="798"/>
      <c r="H96" s="798"/>
      <c r="I96" s="798"/>
      <c r="J96" s="798"/>
      <c r="K96" s="798"/>
      <c r="L96" s="798"/>
      <c r="M96" s="798"/>
      <c r="N96" s="798"/>
      <c r="O96" s="798"/>
      <c r="P96" s="836" t="s">
        <v>468</v>
      </c>
      <c r="Q96" s="798"/>
      <c r="R96" s="822" t="s">
        <v>501</v>
      </c>
      <c r="S96" s="798"/>
      <c r="T96" s="799"/>
    </row>
    <row r="97" spans="1:20" ht="24" customHeight="1" x14ac:dyDescent="0.2">
      <c r="A97" s="794"/>
      <c r="B97" s="795"/>
      <c r="C97" s="796"/>
      <c r="D97" s="795" t="s">
        <v>502</v>
      </c>
      <c r="E97" s="795"/>
      <c r="F97" s="795"/>
      <c r="G97" s="795"/>
      <c r="H97" s="795"/>
      <c r="I97" s="795"/>
      <c r="J97" s="795"/>
      <c r="K97" s="795"/>
      <c r="L97" s="795"/>
      <c r="M97" s="795"/>
      <c r="N97" s="795"/>
      <c r="O97" s="795"/>
      <c r="P97" s="845" t="s">
        <v>468</v>
      </c>
      <c r="Q97" s="795"/>
      <c r="R97" s="794"/>
      <c r="S97" s="795"/>
      <c r="T97" s="796"/>
    </row>
    <row r="98" spans="1:20" ht="24" customHeight="1" x14ac:dyDescent="0.2">
      <c r="A98" s="786" t="s">
        <v>459</v>
      </c>
    </row>
    <row r="99" spans="1:20" ht="24" customHeight="1" x14ac:dyDescent="0.2">
      <c r="A99" s="786" t="s">
        <v>460</v>
      </c>
    </row>
  </sheetData>
  <mergeCells count="13">
    <mergeCell ref="D83:Q83"/>
    <mergeCell ref="A12:D12"/>
    <mergeCell ref="P13:P16"/>
    <mergeCell ref="A14:D14"/>
    <mergeCell ref="A15:C16"/>
    <mergeCell ref="K15:L16"/>
    <mergeCell ref="A72:C72"/>
    <mergeCell ref="D72:Q72"/>
    <mergeCell ref="R72:T72"/>
    <mergeCell ref="D75:O75"/>
    <mergeCell ref="D76:O76"/>
    <mergeCell ref="D79:Q79"/>
    <mergeCell ref="D81:Q81"/>
  </mergeCells>
  <phoneticPr fontId="1"/>
  <printOptions horizontalCentered="1"/>
  <pageMargins left="0.39370078740157483" right="0.39370078740157483" top="0.74803149606299213" bottom="0.74803149606299213" header="0.31496062992125984" footer="0.31496062992125984"/>
  <pageSetup paperSize="9" scale="83" orientation="portrait" r:id="rId1"/>
  <rowBreaks count="2" manualBreakCount="2">
    <brk id="38" max="19" man="1"/>
    <brk id="70"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80"/>
  <sheetViews>
    <sheetView view="pageBreakPreview" zoomScale="74" zoomScaleNormal="100" zoomScaleSheetLayoutView="74" workbookViewId="0">
      <selection activeCell="AA19" sqref="AA19"/>
    </sheetView>
  </sheetViews>
  <sheetFormatPr defaultColWidth="3.6640625" defaultRowHeight="13" x14ac:dyDescent="0.2"/>
  <cols>
    <col min="1" max="19" width="4.08203125" style="1" customWidth="1"/>
    <col min="20" max="20" width="7.58203125" style="1" customWidth="1"/>
    <col min="21" max="16384" width="3.6640625" style="1"/>
  </cols>
  <sheetData>
    <row r="1" spans="1:22" x14ac:dyDescent="0.2">
      <c r="A1" s="266" t="s">
        <v>607</v>
      </c>
      <c r="B1" s="266"/>
      <c r="C1" s="266"/>
      <c r="D1" s="266"/>
      <c r="E1" s="266"/>
      <c r="F1" s="266"/>
      <c r="G1" s="266"/>
      <c r="H1" s="266"/>
      <c r="I1" s="266"/>
      <c r="J1" s="267"/>
      <c r="K1" s="267"/>
      <c r="L1" s="267"/>
      <c r="M1" s="267"/>
      <c r="N1" s="267"/>
      <c r="O1" s="267"/>
      <c r="P1" s="267"/>
      <c r="Q1" s="267"/>
      <c r="R1" s="267"/>
      <c r="S1" s="267"/>
      <c r="T1" s="267"/>
    </row>
    <row r="2" spans="1:22" x14ac:dyDescent="0.2">
      <c r="A2" s="266"/>
      <c r="B2" s="266"/>
      <c r="C2" s="266"/>
      <c r="D2" s="266"/>
      <c r="E2" s="266"/>
      <c r="F2" s="266"/>
      <c r="G2" s="266"/>
      <c r="H2" s="266"/>
      <c r="I2" s="266"/>
      <c r="J2" s="267"/>
      <c r="K2" s="267"/>
      <c r="L2" s="267"/>
      <c r="M2" s="267"/>
      <c r="N2" s="267"/>
      <c r="O2" s="267"/>
      <c r="P2" s="267"/>
      <c r="Q2" s="267"/>
      <c r="R2" s="267"/>
      <c r="S2" s="267"/>
      <c r="T2" s="267"/>
    </row>
    <row r="3" spans="1:22" ht="6" customHeight="1" x14ac:dyDescent="0.2"/>
    <row r="4" spans="1:22" ht="30" customHeight="1" x14ac:dyDescent="0.2">
      <c r="A4" s="274" t="s">
        <v>9</v>
      </c>
      <c r="B4" s="275"/>
      <c r="C4" s="275"/>
      <c r="D4" s="275"/>
      <c r="E4" s="276"/>
      <c r="F4" s="268" t="s">
        <v>347</v>
      </c>
      <c r="G4" s="269"/>
      <c r="H4" s="270"/>
      <c r="I4" s="523" t="s">
        <v>522</v>
      </c>
      <c r="J4" s="524"/>
      <c r="K4" s="524"/>
      <c r="L4" s="524"/>
      <c r="M4" s="524"/>
      <c r="N4" s="524"/>
      <c r="O4" s="524"/>
      <c r="P4" s="524"/>
      <c r="Q4" s="524"/>
      <c r="R4" s="524"/>
      <c r="S4" s="524"/>
      <c r="T4" s="525"/>
    </row>
    <row r="5" spans="1:22" ht="30" customHeight="1" x14ac:dyDescent="0.2">
      <c r="A5" s="277"/>
      <c r="B5" s="278"/>
      <c r="C5" s="278"/>
      <c r="D5" s="278"/>
      <c r="E5" s="279"/>
      <c r="F5" s="271" t="s">
        <v>3</v>
      </c>
      <c r="G5" s="272"/>
      <c r="H5" s="273"/>
      <c r="I5" s="526" t="s">
        <v>523</v>
      </c>
      <c r="J5" s="527"/>
      <c r="K5" s="527"/>
      <c r="L5" s="527"/>
      <c r="M5" s="527"/>
      <c r="N5" s="527"/>
      <c r="O5" s="527"/>
      <c r="P5" s="527"/>
      <c r="Q5" s="527"/>
      <c r="R5" s="527"/>
      <c r="S5" s="527"/>
      <c r="T5" s="528"/>
    </row>
    <row r="6" spans="1:22" ht="25" customHeight="1" x14ac:dyDescent="0.2">
      <c r="A6" s="263" t="s">
        <v>63</v>
      </c>
      <c r="B6" s="264"/>
      <c r="C6" s="264"/>
      <c r="D6" s="264"/>
      <c r="E6" s="265"/>
      <c r="F6" s="523" t="s">
        <v>524</v>
      </c>
      <c r="G6" s="529"/>
      <c r="H6" s="529"/>
      <c r="I6" s="529"/>
      <c r="J6" s="529"/>
      <c r="K6" s="529"/>
      <c r="L6" s="529"/>
      <c r="M6" s="529"/>
      <c r="N6" s="529"/>
      <c r="O6" s="529"/>
      <c r="P6" s="529"/>
      <c r="Q6" s="529"/>
      <c r="R6" s="529"/>
      <c r="S6" s="529"/>
      <c r="T6" s="530"/>
    </row>
    <row r="7" spans="1:22" ht="25" customHeight="1" x14ac:dyDescent="0.2">
      <c r="A7" s="263" t="s">
        <v>169</v>
      </c>
      <c r="B7" s="264"/>
      <c r="C7" s="264"/>
      <c r="D7" s="264"/>
      <c r="E7" s="265"/>
      <c r="F7" s="523" t="s">
        <v>525</v>
      </c>
      <c r="G7" s="529"/>
      <c r="H7" s="529"/>
      <c r="I7" s="529"/>
      <c r="J7" s="529"/>
      <c r="K7" s="529"/>
      <c r="L7" s="529"/>
      <c r="M7" s="529"/>
      <c r="N7" s="529"/>
      <c r="O7" s="529"/>
      <c r="P7" s="529"/>
      <c r="Q7" s="529"/>
      <c r="R7" s="529"/>
      <c r="S7" s="529"/>
      <c r="T7" s="530"/>
      <c r="U7" s="2"/>
      <c r="V7" s="2"/>
    </row>
    <row r="8" spans="1:22" ht="25" customHeight="1" x14ac:dyDescent="0.2">
      <c r="A8" s="263" t="s">
        <v>10</v>
      </c>
      <c r="B8" s="264"/>
      <c r="C8" s="264"/>
      <c r="D8" s="264"/>
      <c r="E8" s="265"/>
      <c r="F8" s="531" t="s">
        <v>526</v>
      </c>
      <c r="G8" s="532"/>
      <c r="H8" s="532"/>
      <c r="I8" s="532"/>
      <c r="J8" s="532"/>
      <c r="K8" s="532"/>
      <c r="L8" s="532"/>
      <c r="M8" s="532"/>
      <c r="N8" s="532"/>
      <c r="O8" s="532"/>
      <c r="P8" s="532"/>
      <c r="Q8" s="532"/>
      <c r="R8" s="532"/>
      <c r="S8" s="532"/>
      <c r="T8" s="533"/>
    </row>
    <row r="9" spans="1:22" ht="25" customHeight="1" x14ac:dyDescent="0.2">
      <c r="A9" s="283" t="s">
        <v>4</v>
      </c>
      <c r="B9" s="283"/>
      <c r="C9" s="283"/>
      <c r="D9" s="283"/>
      <c r="E9" s="283"/>
      <c r="F9" s="268"/>
      <c r="G9" s="269"/>
      <c r="H9" s="269"/>
      <c r="I9" s="269"/>
      <c r="J9" s="269"/>
      <c r="K9" s="269"/>
      <c r="L9" s="269"/>
      <c r="M9" s="269"/>
      <c r="N9" s="269"/>
      <c r="O9" s="269"/>
      <c r="P9" s="269"/>
      <c r="Q9" s="269"/>
      <c r="R9" s="269"/>
      <c r="S9" s="269"/>
      <c r="T9" s="270"/>
    </row>
    <row r="10" spans="1:22" ht="25" customHeight="1" x14ac:dyDescent="0.2">
      <c r="A10" s="503" t="s">
        <v>507</v>
      </c>
      <c r="B10" s="258"/>
      <c r="C10" s="258"/>
      <c r="D10" s="258"/>
      <c r="E10" s="259"/>
      <c r="F10" s="280" t="s">
        <v>5</v>
      </c>
      <c r="G10" s="281"/>
      <c r="H10" s="281"/>
      <c r="I10" s="281"/>
      <c r="J10" s="282"/>
      <c r="K10" s="504" t="s">
        <v>504</v>
      </c>
      <c r="L10" s="505"/>
      <c r="M10" s="505"/>
      <c r="N10" s="505"/>
      <c r="O10" s="505"/>
      <c r="P10" s="505"/>
      <c r="Q10" s="505"/>
      <c r="R10" s="505"/>
      <c r="S10" s="505"/>
      <c r="T10" s="506"/>
      <c r="V10" s="507" t="s">
        <v>233</v>
      </c>
    </row>
    <row r="11" spans="1:22" ht="25" customHeight="1" x14ac:dyDescent="0.2">
      <c r="A11" s="271"/>
      <c r="B11" s="272"/>
      <c r="C11" s="272"/>
      <c r="D11" s="272"/>
      <c r="E11" s="273"/>
      <c r="F11" s="284" t="s">
        <v>103</v>
      </c>
      <c r="G11" s="285"/>
      <c r="H11" s="285"/>
      <c r="I11" s="285"/>
      <c r="J11" s="286"/>
      <c r="K11" s="504" t="s">
        <v>505</v>
      </c>
      <c r="L11" s="505"/>
      <c r="M11" s="505"/>
      <c r="N11" s="505"/>
      <c r="O11" s="505"/>
      <c r="P11" s="505"/>
      <c r="Q11" s="505"/>
      <c r="R11" s="505"/>
      <c r="S11" s="505"/>
      <c r="T11" s="506"/>
      <c r="V11" s="508" t="s">
        <v>234</v>
      </c>
    </row>
    <row r="12" spans="1:22" ht="25" customHeight="1" x14ac:dyDescent="0.2">
      <c r="A12" s="271"/>
      <c r="B12" s="272"/>
      <c r="C12" s="272"/>
      <c r="D12" s="272"/>
      <c r="E12" s="273"/>
      <c r="F12" s="293" t="s">
        <v>102</v>
      </c>
      <c r="G12" s="294"/>
      <c r="H12" s="294"/>
      <c r="I12" s="294"/>
      <c r="J12" s="295"/>
      <c r="K12" s="504" t="s">
        <v>505</v>
      </c>
      <c r="L12" s="505"/>
      <c r="M12" s="505"/>
      <c r="N12" s="505"/>
      <c r="O12" s="505"/>
      <c r="P12" s="505"/>
      <c r="Q12" s="505"/>
      <c r="R12" s="505"/>
      <c r="S12" s="505"/>
      <c r="T12" s="506"/>
      <c r="V12" s="507" t="s">
        <v>235</v>
      </c>
    </row>
    <row r="13" spans="1:22" ht="25" customHeight="1" x14ac:dyDescent="0.2">
      <c r="A13" s="509"/>
      <c r="B13" s="510"/>
      <c r="C13" s="510"/>
      <c r="D13" s="510"/>
      <c r="E13" s="511"/>
      <c r="F13" s="284" t="s">
        <v>6</v>
      </c>
      <c r="G13" s="285"/>
      <c r="H13" s="285"/>
      <c r="I13" s="285"/>
      <c r="J13" s="286"/>
      <c r="K13" s="512" t="s">
        <v>505</v>
      </c>
      <c r="L13" s="513"/>
      <c r="M13" s="513"/>
      <c r="N13" s="513"/>
      <c r="O13" s="513"/>
      <c r="P13" s="513"/>
      <c r="Q13" s="513"/>
      <c r="R13" s="513"/>
      <c r="S13" s="513"/>
      <c r="T13" s="514"/>
      <c r="V13" s="3"/>
    </row>
    <row r="14" spans="1:22" ht="20.149999999999999" customHeight="1" x14ac:dyDescent="0.2">
      <c r="A14" s="515" t="s">
        <v>519</v>
      </c>
      <c r="B14" s="232" t="s">
        <v>170</v>
      </c>
      <c r="C14" s="233"/>
      <c r="D14" s="233"/>
      <c r="E14" s="234"/>
      <c r="F14" s="296" t="s">
        <v>7</v>
      </c>
      <c r="G14" s="297"/>
      <c r="H14" s="297"/>
      <c r="I14" s="297"/>
      <c r="J14" s="263" t="s">
        <v>64</v>
      </c>
      <c r="K14" s="264"/>
      <c r="L14" s="264"/>
      <c r="M14" s="264"/>
      <c r="N14" s="264"/>
      <c r="O14" s="264"/>
      <c r="P14" s="264"/>
      <c r="Q14" s="264"/>
      <c r="R14" s="264"/>
      <c r="S14" s="265"/>
      <c r="T14" s="200" t="s">
        <v>8</v>
      </c>
    </row>
    <row r="15" spans="1:22" ht="20.149999999999999" customHeight="1" x14ac:dyDescent="0.2">
      <c r="A15" s="516"/>
      <c r="B15" s="235"/>
      <c r="C15" s="236"/>
      <c r="D15" s="236"/>
      <c r="E15" s="237"/>
      <c r="F15" s="534" t="s">
        <v>527</v>
      </c>
      <c r="G15" s="535"/>
      <c r="H15" s="535"/>
      <c r="I15" s="536"/>
      <c r="J15" s="537" t="s">
        <v>528</v>
      </c>
      <c r="K15" s="538"/>
      <c r="L15" s="538"/>
      <c r="M15" s="538"/>
      <c r="N15" s="538"/>
      <c r="O15" s="538"/>
      <c r="P15" s="538"/>
      <c r="Q15" s="538"/>
      <c r="R15" s="538"/>
      <c r="S15" s="539"/>
      <c r="T15" s="540">
        <v>1</v>
      </c>
    </row>
    <row r="16" spans="1:22" ht="20.149999999999999" customHeight="1" x14ac:dyDescent="0.2">
      <c r="A16" s="516"/>
      <c r="B16" s="235"/>
      <c r="C16" s="236"/>
      <c r="D16" s="236"/>
      <c r="E16" s="237"/>
      <c r="F16" s="541"/>
      <c r="G16" s="542"/>
      <c r="H16" s="542"/>
      <c r="I16" s="543"/>
      <c r="J16" s="544"/>
      <c r="K16" s="545"/>
      <c r="L16" s="545"/>
      <c r="M16" s="545"/>
      <c r="N16" s="545"/>
      <c r="O16" s="545"/>
      <c r="P16" s="545"/>
      <c r="Q16" s="545"/>
      <c r="R16" s="545"/>
      <c r="S16" s="546"/>
      <c r="T16" s="547"/>
    </row>
    <row r="17" spans="1:20" ht="20.149999999999999" customHeight="1" x14ac:dyDescent="0.2">
      <c r="A17" s="516"/>
      <c r="B17" s="235"/>
      <c r="C17" s="236"/>
      <c r="D17" s="236"/>
      <c r="E17" s="237"/>
      <c r="F17" s="548" t="s">
        <v>529</v>
      </c>
      <c r="G17" s="549"/>
      <c r="H17" s="549"/>
      <c r="I17" s="550"/>
      <c r="J17" s="551" t="s">
        <v>530</v>
      </c>
      <c r="K17" s="552"/>
      <c r="L17" s="552"/>
      <c r="M17" s="552"/>
      <c r="N17" s="552"/>
      <c r="O17" s="552"/>
      <c r="P17" s="552"/>
      <c r="Q17" s="552"/>
      <c r="R17" s="552"/>
      <c r="S17" s="553"/>
      <c r="T17" s="540">
        <v>2</v>
      </c>
    </row>
    <row r="18" spans="1:20" ht="20.149999999999999" customHeight="1" x14ac:dyDescent="0.2">
      <c r="A18" s="516"/>
      <c r="B18" s="235"/>
      <c r="C18" s="236"/>
      <c r="D18" s="236"/>
      <c r="E18" s="237"/>
      <c r="F18" s="548"/>
      <c r="G18" s="549"/>
      <c r="H18" s="549"/>
      <c r="I18" s="550"/>
      <c r="J18" s="554"/>
      <c r="K18" s="555"/>
      <c r="L18" s="555"/>
      <c r="M18" s="555"/>
      <c r="N18" s="555"/>
      <c r="O18" s="555"/>
      <c r="P18" s="555"/>
      <c r="Q18" s="555"/>
      <c r="R18" s="555"/>
      <c r="S18" s="556"/>
      <c r="T18" s="547"/>
    </row>
    <row r="19" spans="1:20" ht="20.149999999999999" customHeight="1" x14ac:dyDescent="0.2">
      <c r="A19" s="516"/>
      <c r="B19" s="235"/>
      <c r="C19" s="236"/>
      <c r="D19" s="236"/>
      <c r="E19" s="237"/>
      <c r="F19" s="287"/>
      <c r="G19" s="288"/>
      <c r="H19" s="288"/>
      <c r="I19" s="289"/>
      <c r="J19" s="251"/>
      <c r="K19" s="252"/>
      <c r="L19" s="252"/>
      <c r="M19" s="252"/>
      <c r="N19" s="252"/>
      <c r="O19" s="252"/>
      <c r="P19" s="252"/>
      <c r="Q19" s="252"/>
      <c r="R19" s="252"/>
      <c r="S19" s="253"/>
      <c r="T19" s="241"/>
    </row>
    <row r="20" spans="1:20" ht="20.149999999999999" customHeight="1" x14ac:dyDescent="0.2">
      <c r="A20" s="516"/>
      <c r="B20" s="235"/>
      <c r="C20" s="236"/>
      <c r="D20" s="236"/>
      <c r="E20" s="237"/>
      <c r="F20" s="290"/>
      <c r="G20" s="291"/>
      <c r="H20" s="291"/>
      <c r="I20" s="292"/>
      <c r="J20" s="254"/>
      <c r="K20" s="255"/>
      <c r="L20" s="255"/>
      <c r="M20" s="255"/>
      <c r="N20" s="255"/>
      <c r="O20" s="255"/>
      <c r="P20" s="255"/>
      <c r="Q20" s="255"/>
      <c r="R20" s="255"/>
      <c r="S20" s="256"/>
      <c r="T20" s="241"/>
    </row>
    <row r="21" spans="1:20" ht="20.149999999999999" customHeight="1" x14ac:dyDescent="0.2">
      <c r="A21" s="516"/>
      <c r="B21" s="235"/>
      <c r="C21" s="236"/>
      <c r="D21" s="236"/>
      <c r="E21" s="237"/>
      <c r="F21" s="263"/>
      <c r="G21" s="264"/>
      <c r="H21" s="264"/>
      <c r="I21" s="265"/>
      <c r="J21" s="251"/>
      <c r="K21" s="252"/>
      <c r="L21" s="252"/>
      <c r="M21" s="252"/>
      <c r="N21" s="252"/>
      <c r="O21" s="252"/>
      <c r="P21" s="252"/>
      <c r="Q21" s="252"/>
      <c r="R21" s="252"/>
      <c r="S21" s="253"/>
      <c r="T21" s="241"/>
    </row>
    <row r="22" spans="1:20" ht="20.149999999999999" customHeight="1" x14ac:dyDescent="0.2">
      <c r="A22" s="516"/>
      <c r="B22" s="235"/>
      <c r="C22" s="236"/>
      <c r="D22" s="236"/>
      <c r="E22" s="237"/>
      <c r="F22" s="263"/>
      <c r="G22" s="264"/>
      <c r="H22" s="264"/>
      <c r="I22" s="265"/>
      <c r="J22" s="254"/>
      <c r="K22" s="255"/>
      <c r="L22" s="255"/>
      <c r="M22" s="255"/>
      <c r="N22" s="255"/>
      <c r="O22" s="255"/>
      <c r="P22" s="255"/>
      <c r="Q22" s="255"/>
      <c r="R22" s="255"/>
      <c r="S22" s="256"/>
      <c r="T22" s="241"/>
    </row>
    <row r="23" spans="1:20" ht="20.149999999999999" customHeight="1" x14ac:dyDescent="0.2">
      <c r="A23" s="516"/>
      <c r="B23" s="235"/>
      <c r="C23" s="236"/>
      <c r="D23" s="236"/>
      <c r="E23" s="237"/>
      <c r="F23" s="257"/>
      <c r="G23" s="298"/>
      <c r="H23" s="298"/>
      <c r="I23" s="299"/>
      <c r="J23" s="251"/>
      <c r="K23" s="252"/>
      <c r="L23" s="252"/>
      <c r="M23" s="252"/>
      <c r="N23" s="252"/>
      <c r="O23" s="252"/>
      <c r="P23" s="252"/>
      <c r="Q23" s="252"/>
      <c r="R23" s="252"/>
      <c r="S23" s="253"/>
      <c r="T23" s="241"/>
    </row>
    <row r="24" spans="1:20" ht="20.149999999999999" customHeight="1" x14ac:dyDescent="0.2">
      <c r="A24" s="516"/>
      <c r="B24" s="235"/>
      <c r="C24" s="236"/>
      <c r="D24" s="236"/>
      <c r="E24" s="237"/>
      <c r="F24" s="260"/>
      <c r="G24" s="261"/>
      <c r="H24" s="261"/>
      <c r="I24" s="262"/>
      <c r="J24" s="254"/>
      <c r="K24" s="255"/>
      <c r="L24" s="255"/>
      <c r="M24" s="255"/>
      <c r="N24" s="255"/>
      <c r="O24" s="255"/>
      <c r="P24" s="255"/>
      <c r="Q24" s="255"/>
      <c r="R24" s="255"/>
      <c r="S24" s="256"/>
      <c r="T24" s="241"/>
    </row>
    <row r="25" spans="1:20" ht="20.149999999999999" customHeight="1" x14ac:dyDescent="0.2">
      <c r="A25" s="516"/>
      <c r="B25" s="235"/>
      <c r="C25" s="236"/>
      <c r="D25" s="236"/>
      <c r="E25" s="237"/>
      <c r="F25" s="263"/>
      <c r="G25" s="264"/>
      <c r="H25" s="264"/>
      <c r="I25" s="265"/>
      <c r="J25" s="251"/>
      <c r="K25" s="252"/>
      <c r="L25" s="252"/>
      <c r="M25" s="252"/>
      <c r="N25" s="252"/>
      <c r="O25" s="252"/>
      <c r="P25" s="252"/>
      <c r="Q25" s="252"/>
      <c r="R25" s="252"/>
      <c r="S25" s="253"/>
      <c r="T25" s="241"/>
    </row>
    <row r="26" spans="1:20" ht="20.149999999999999" customHeight="1" x14ac:dyDescent="0.2">
      <c r="A26" s="516"/>
      <c r="B26" s="238"/>
      <c r="C26" s="239"/>
      <c r="D26" s="239"/>
      <c r="E26" s="240"/>
      <c r="F26" s="263"/>
      <c r="G26" s="264"/>
      <c r="H26" s="264"/>
      <c r="I26" s="265"/>
      <c r="J26" s="254"/>
      <c r="K26" s="255"/>
      <c r="L26" s="255"/>
      <c r="M26" s="255"/>
      <c r="N26" s="255"/>
      <c r="O26" s="255"/>
      <c r="P26" s="255"/>
      <c r="Q26" s="255"/>
      <c r="R26" s="255"/>
      <c r="S26" s="256"/>
      <c r="T26" s="241"/>
    </row>
    <row r="27" spans="1:20" ht="20.149999999999999" customHeight="1" x14ac:dyDescent="0.2">
      <c r="A27" s="516"/>
      <c r="B27" s="242" t="s">
        <v>171</v>
      </c>
      <c r="C27" s="243"/>
      <c r="D27" s="243"/>
      <c r="E27" s="244"/>
      <c r="F27" s="263"/>
      <c r="G27" s="264"/>
      <c r="H27" s="264"/>
      <c r="I27" s="265"/>
      <c r="J27" s="251"/>
      <c r="K27" s="252"/>
      <c r="L27" s="252"/>
      <c r="M27" s="252"/>
      <c r="N27" s="252"/>
      <c r="O27" s="252"/>
      <c r="P27" s="252"/>
      <c r="Q27" s="252"/>
      <c r="R27" s="252"/>
      <c r="S27" s="253"/>
      <c r="T27" s="241"/>
    </row>
    <row r="28" spans="1:20" ht="20.149999999999999" customHeight="1" x14ac:dyDescent="0.2">
      <c r="A28" s="516"/>
      <c r="B28" s="245"/>
      <c r="C28" s="246"/>
      <c r="D28" s="246"/>
      <c r="E28" s="247"/>
      <c r="F28" s="263"/>
      <c r="G28" s="264"/>
      <c r="H28" s="264"/>
      <c r="I28" s="265"/>
      <c r="J28" s="254"/>
      <c r="K28" s="255"/>
      <c r="L28" s="255"/>
      <c r="M28" s="255"/>
      <c r="N28" s="255"/>
      <c r="O28" s="255"/>
      <c r="P28" s="255"/>
      <c r="Q28" s="255"/>
      <c r="R28" s="255"/>
      <c r="S28" s="256"/>
      <c r="T28" s="241"/>
    </row>
    <row r="29" spans="1:20" ht="20.149999999999999" customHeight="1" x14ac:dyDescent="0.2">
      <c r="A29" s="516"/>
      <c r="B29" s="245"/>
      <c r="C29" s="246"/>
      <c r="D29" s="246"/>
      <c r="E29" s="247"/>
      <c r="F29" s="263"/>
      <c r="G29" s="264"/>
      <c r="H29" s="264"/>
      <c r="I29" s="265"/>
      <c r="J29" s="251"/>
      <c r="K29" s="252"/>
      <c r="L29" s="252"/>
      <c r="M29" s="252"/>
      <c r="N29" s="252"/>
      <c r="O29" s="252"/>
      <c r="P29" s="252"/>
      <c r="Q29" s="252"/>
      <c r="R29" s="252"/>
      <c r="S29" s="253"/>
      <c r="T29" s="241"/>
    </row>
    <row r="30" spans="1:20" ht="20.149999999999999" customHeight="1" x14ac:dyDescent="0.2">
      <c r="A30" s="516"/>
      <c r="B30" s="245"/>
      <c r="C30" s="246"/>
      <c r="D30" s="246"/>
      <c r="E30" s="247"/>
      <c r="F30" s="263"/>
      <c r="G30" s="264"/>
      <c r="H30" s="264"/>
      <c r="I30" s="265"/>
      <c r="J30" s="254"/>
      <c r="K30" s="255"/>
      <c r="L30" s="255"/>
      <c r="M30" s="255"/>
      <c r="N30" s="255"/>
      <c r="O30" s="255"/>
      <c r="P30" s="255"/>
      <c r="Q30" s="255"/>
      <c r="R30" s="255"/>
      <c r="S30" s="256"/>
      <c r="T30" s="241"/>
    </row>
    <row r="31" spans="1:20" ht="20.149999999999999" customHeight="1" x14ac:dyDescent="0.2">
      <c r="A31" s="516"/>
      <c r="B31" s="245"/>
      <c r="C31" s="246"/>
      <c r="D31" s="246"/>
      <c r="E31" s="247"/>
      <c r="F31" s="257"/>
      <c r="G31" s="258"/>
      <c r="H31" s="258"/>
      <c r="I31" s="259"/>
      <c r="J31" s="251"/>
      <c r="K31" s="252"/>
      <c r="L31" s="252"/>
      <c r="M31" s="252"/>
      <c r="N31" s="252"/>
      <c r="O31" s="252"/>
      <c r="P31" s="252"/>
      <c r="Q31" s="252"/>
      <c r="R31" s="252"/>
      <c r="S31" s="253"/>
      <c r="T31" s="241"/>
    </row>
    <row r="32" spans="1:20" ht="20.149999999999999" customHeight="1" x14ac:dyDescent="0.2">
      <c r="A32" s="516"/>
      <c r="B32" s="245"/>
      <c r="C32" s="246"/>
      <c r="D32" s="246"/>
      <c r="E32" s="247"/>
      <c r="F32" s="260"/>
      <c r="G32" s="261"/>
      <c r="H32" s="261"/>
      <c r="I32" s="262"/>
      <c r="J32" s="254"/>
      <c r="K32" s="255"/>
      <c r="L32" s="255"/>
      <c r="M32" s="255"/>
      <c r="N32" s="255"/>
      <c r="O32" s="255"/>
      <c r="P32" s="255"/>
      <c r="Q32" s="255"/>
      <c r="R32" s="255"/>
      <c r="S32" s="256"/>
      <c r="T32" s="241"/>
    </row>
    <row r="33" spans="1:20" ht="20.149999999999999" customHeight="1" x14ac:dyDescent="0.2">
      <c r="A33" s="516"/>
      <c r="B33" s="245"/>
      <c r="C33" s="246"/>
      <c r="D33" s="246"/>
      <c r="E33" s="247"/>
      <c r="F33" s="257"/>
      <c r="G33" s="258"/>
      <c r="H33" s="258"/>
      <c r="I33" s="259"/>
      <c r="J33" s="251"/>
      <c r="K33" s="252"/>
      <c r="L33" s="252"/>
      <c r="M33" s="252"/>
      <c r="N33" s="252"/>
      <c r="O33" s="252"/>
      <c r="P33" s="252"/>
      <c r="Q33" s="252"/>
      <c r="R33" s="252"/>
      <c r="S33" s="253"/>
      <c r="T33" s="241"/>
    </row>
    <row r="34" spans="1:20" ht="20.149999999999999" customHeight="1" x14ac:dyDescent="0.2">
      <c r="A34" s="516"/>
      <c r="B34" s="245"/>
      <c r="C34" s="246"/>
      <c r="D34" s="246"/>
      <c r="E34" s="247"/>
      <c r="F34" s="260"/>
      <c r="G34" s="261"/>
      <c r="H34" s="261"/>
      <c r="I34" s="262"/>
      <c r="J34" s="254"/>
      <c r="K34" s="255"/>
      <c r="L34" s="255"/>
      <c r="M34" s="255"/>
      <c r="N34" s="255"/>
      <c r="O34" s="255"/>
      <c r="P34" s="255"/>
      <c r="Q34" s="255"/>
      <c r="R34" s="255"/>
      <c r="S34" s="256"/>
      <c r="T34" s="241"/>
    </row>
    <row r="35" spans="1:20" ht="20.149999999999999" customHeight="1" x14ac:dyDescent="0.2">
      <c r="A35" s="516"/>
      <c r="B35" s="245"/>
      <c r="C35" s="246"/>
      <c r="D35" s="246"/>
      <c r="E35" s="247"/>
      <c r="F35" s="263"/>
      <c r="G35" s="264"/>
      <c r="H35" s="264"/>
      <c r="I35" s="265"/>
      <c r="J35" s="251"/>
      <c r="K35" s="252"/>
      <c r="L35" s="252"/>
      <c r="M35" s="252"/>
      <c r="N35" s="252"/>
      <c r="O35" s="252"/>
      <c r="P35" s="252"/>
      <c r="Q35" s="252"/>
      <c r="R35" s="252"/>
      <c r="S35" s="253"/>
      <c r="T35" s="241"/>
    </row>
    <row r="36" spans="1:20" ht="20.149999999999999" customHeight="1" x14ac:dyDescent="0.2">
      <c r="A36" s="517"/>
      <c r="B36" s="248"/>
      <c r="C36" s="249"/>
      <c r="D36" s="249"/>
      <c r="E36" s="250"/>
      <c r="F36" s="263"/>
      <c r="G36" s="264"/>
      <c r="H36" s="264"/>
      <c r="I36" s="265"/>
      <c r="J36" s="254"/>
      <c r="K36" s="255"/>
      <c r="L36" s="255"/>
      <c r="M36" s="255"/>
      <c r="N36" s="255"/>
      <c r="O36" s="255"/>
      <c r="P36" s="255"/>
      <c r="Q36" s="255"/>
      <c r="R36" s="255"/>
      <c r="S36" s="256"/>
      <c r="T36" s="241"/>
    </row>
    <row r="37" spans="1:20" ht="20.149999999999999" customHeight="1" x14ac:dyDescent="0.2">
      <c r="A37" s="518" t="s">
        <v>68</v>
      </c>
      <c r="B37" s="518"/>
      <c r="C37" s="518"/>
      <c r="D37" s="518"/>
      <c r="E37" s="518"/>
      <c r="F37" s="518"/>
      <c r="G37" s="518"/>
      <c r="H37" s="518"/>
      <c r="I37" s="518"/>
      <c r="J37" s="518"/>
      <c r="K37" s="518"/>
      <c r="L37" s="518"/>
      <c r="M37" s="518"/>
      <c r="N37" s="518"/>
      <c r="O37" s="518"/>
      <c r="P37" s="518"/>
      <c r="Q37" s="518"/>
      <c r="R37" s="518"/>
      <c r="S37" s="518"/>
      <c r="T37" s="518"/>
    </row>
    <row r="38" spans="1:20" ht="20.149999999999999" customHeight="1" x14ac:dyDescent="0.2">
      <c r="A38" s="519" t="s">
        <v>506</v>
      </c>
      <c r="B38" s="520"/>
      <c r="C38" s="520"/>
      <c r="D38" s="520"/>
      <c r="E38" s="520"/>
      <c r="F38" s="520"/>
      <c r="G38" s="520"/>
      <c r="H38" s="520"/>
      <c r="I38" s="520"/>
      <c r="J38" s="520"/>
      <c r="K38" s="520"/>
      <c r="L38" s="520"/>
      <c r="M38" s="520"/>
      <c r="N38" s="520"/>
      <c r="O38" s="520"/>
      <c r="P38" s="520"/>
      <c r="Q38" s="520"/>
      <c r="R38" s="520"/>
      <c r="S38" s="520"/>
      <c r="T38" s="520"/>
    </row>
    <row r="39" spans="1:20" ht="20.149999999999999" customHeight="1" x14ac:dyDescent="0.2">
      <c r="A39" s="521" t="s">
        <v>599</v>
      </c>
      <c r="B39" s="521"/>
      <c r="C39" s="521"/>
      <c r="D39" s="521"/>
      <c r="E39" s="521"/>
      <c r="F39" s="521"/>
      <c r="G39" s="521"/>
      <c r="H39" s="521"/>
      <c r="I39" s="521"/>
      <c r="J39" s="521"/>
      <c r="K39" s="521"/>
      <c r="L39" s="521"/>
      <c r="M39" s="521"/>
      <c r="N39" s="521"/>
      <c r="O39" s="521"/>
      <c r="P39" s="521"/>
      <c r="Q39" s="521"/>
      <c r="R39" s="521"/>
      <c r="S39" s="521"/>
      <c r="T39" s="521"/>
    </row>
    <row r="40" spans="1:20" ht="20.149999999999999" customHeight="1" x14ac:dyDescent="0.2">
      <c r="A40" s="522" t="s">
        <v>600</v>
      </c>
      <c r="B40" s="522"/>
      <c r="C40" s="522"/>
      <c r="D40" s="522"/>
      <c r="E40" s="522"/>
      <c r="F40" s="522"/>
      <c r="G40" s="522"/>
      <c r="H40" s="522"/>
      <c r="I40" s="522"/>
      <c r="J40" s="522"/>
      <c r="K40" s="522"/>
      <c r="L40" s="522"/>
      <c r="M40" s="522"/>
      <c r="N40" s="522"/>
      <c r="O40" s="522"/>
      <c r="P40" s="522"/>
      <c r="Q40" s="522"/>
      <c r="R40" s="522"/>
      <c r="S40" s="522"/>
      <c r="T40" s="522"/>
    </row>
    <row r="41" spans="1:20" ht="20.149999999999999" customHeight="1" x14ac:dyDescent="0.2"/>
    <row r="42" spans="1:20" ht="20.149999999999999" customHeight="1" x14ac:dyDescent="0.2"/>
    <row r="43" spans="1:20" ht="20.149999999999999" customHeight="1" x14ac:dyDescent="0.2"/>
    <row r="44" spans="1:20" ht="20.149999999999999" customHeight="1" x14ac:dyDescent="0.2"/>
    <row r="45" spans="1:20" ht="20.149999999999999" customHeight="1" x14ac:dyDescent="0.2"/>
    <row r="46" spans="1:20" ht="20.149999999999999" customHeight="1" x14ac:dyDescent="0.2"/>
    <row r="47" spans="1:20" ht="20.149999999999999" customHeight="1" x14ac:dyDescent="0.2"/>
    <row r="48" spans="1:20" ht="20.149999999999999" customHeight="1" x14ac:dyDescent="0.2"/>
    <row r="49" ht="20.149999999999999" customHeight="1" x14ac:dyDescent="0.2"/>
    <row r="50" ht="20.149999999999999" customHeight="1" x14ac:dyDescent="0.2"/>
    <row r="51" ht="20.149999999999999" customHeight="1" x14ac:dyDescent="0.2"/>
    <row r="52" ht="20.149999999999999" customHeight="1" x14ac:dyDescent="0.2"/>
    <row r="53" ht="20.149999999999999" customHeight="1" x14ac:dyDescent="0.2"/>
    <row r="54" ht="20.149999999999999" customHeight="1" x14ac:dyDescent="0.2"/>
    <row r="55" ht="20.149999999999999" customHeight="1" x14ac:dyDescent="0.2"/>
    <row r="56" ht="20.149999999999999" customHeight="1" x14ac:dyDescent="0.2"/>
    <row r="57" ht="20.149999999999999" customHeight="1" x14ac:dyDescent="0.2"/>
    <row r="58" ht="20.149999999999999" customHeight="1" x14ac:dyDescent="0.2"/>
    <row r="59" ht="20.149999999999999" customHeight="1" x14ac:dyDescent="0.2"/>
    <row r="60" ht="20.149999999999999" customHeight="1" x14ac:dyDescent="0.2"/>
    <row r="61" ht="20.149999999999999" customHeight="1" x14ac:dyDescent="0.2"/>
    <row r="62" ht="20.149999999999999" customHeight="1" x14ac:dyDescent="0.2"/>
    <row r="63" ht="20.149999999999999" customHeight="1" x14ac:dyDescent="0.2"/>
    <row r="64" ht="20.149999999999999" customHeight="1" x14ac:dyDescent="0.2"/>
    <row r="65" ht="20.149999999999999" customHeight="1" x14ac:dyDescent="0.2"/>
    <row r="66" ht="20.149999999999999" customHeight="1" x14ac:dyDescent="0.2"/>
    <row r="67" ht="20.149999999999999" customHeight="1" x14ac:dyDescent="0.2"/>
    <row r="68" ht="20.149999999999999" customHeight="1" x14ac:dyDescent="0.2"/>
    <row r="69" ht="20.149999999999999" customHeight="1" x14ac:dyDescent="0.2"/>
    <row r="70" ht="20.149999999999999" customHeight="1" x14ac:dyDescent="0.2"/>
    <row r="71" ht="20.149999999999999" customHeight="1" x14ac:dyDescent="0.2"/>
    <row r="72" ht="20.149999999999999" customHeight="1" x14ac:dyDescent="0.2"/>
    <row r="73" ht="20.149999999999999" customHeight="1" x14ac:dyDescent="0.2"/>
    <row r="74" ht="20.149999999999999" customHeight="1" x14ac:dyDescent="0.2"/>
    <row r="75" ht="20.149999999999999" customHeight="1" x14ac:dyDescent="0.2"/>
    <row r="76" ht="20.149999999999999" customHeight="1" x14ac:dyDescent="0.2"/>
    <row r="77" ht="20.149999999999999" customHeight="1" x14ac:dyDescent="0.2"/>
    <row r="78" ht="20.149999999999999" customHeight="1" x14ac:dyDescent="0.2"/>
    <row r="79" ht="20.149999999999999" customHeight="1" x14ac:dyDescent="0.2"/>
    <row r="80" ht="20.149999999999999" customHeight="1" x14ac:dyDescent="0.2"/>
  </sheetData>
  <mergeCells count="63">
    <mergeCell ref="A39:T39"/>
    <mergeCell ref="A37:T37"/>
    <mergeCell ref="T15:T16"/>
    <mergeCell ref="F15:I16"/>
    <mergeCell ref="F14:I14"/>
    <mergeCell ref="J14:S14"/>
    <mergeCell ref="T35:T36"/>
    <mergeCell ref="A14:A36"/>
    <mergeCell ref="F35:I36"/>
    <mergeCell ref="F25:I26"/>
    <mergeCell ref="F23:I24"/>
    <mergeCell ref="J17:S18"/>
    <mergeCell ref="J21:S22"/>
    <mergeCell ref="J23:S24"/>
    <mergeCell ref="J25:S26"/>
    <mergeCell ref="T23:T24"/>
    <mergeCell ref="T25:T26"/>
    <mergeCell ref="J19:S20"/>
    <mergeCell ref="F11:J11"/>
    <mergeCell ref="T19:T20"/>
    <mergeCell ref="T17:T18"/>
    <mergeCell ref="F19:I20"/>
    <mergeCell ref="F21:I22"/>
    <mergeCell ref="F17:I18"/>
    <mergeCell ref="T21:T22"/>
    <mergeCell ref="F12:J12"/>
    <mergeCell ref="K13:T13"/>
    <mergeCell ref="F13:J13"/>
    <mergeCell ref="A8:E8"/>
    <mergeCell ref="F8:T8"/>
    <mergeCell ref="F10:J10"/>
    <mergeCell ref="K11:T11"/>
    <mergeCell ref="A9:E9"/>
    <mergeCell ref="F9:T9"/>
    <mergeCell ref="A10:E13"/>
    <mergeCell ref="K10:T10"/>
    <mergeCell ref="K12:T12"/>
    <mergeCell ref="A1:T2"/>
    <mergeCell ref="A7:E7"/>
    <mergeCell ref="A6:E6"/>
    <mergeCell ref="F4:H4"/>
    <mergeCell ref="F5:H5"/>
    <mergeCell ref="I5:T5"/>
    <mergeCell ref="I4:T4"/>
    <mergeCell ref="A4:E5"/>
    <mergeCell ref="F6:T6"/>
    <mergeCell ref="F7:T7"/>
    <mergeCell ref="B14:E26"/>
    <mergeCell ref="T31:T32"/>
    <mergeCell ref="T29:T30"/>
    <mergeCell ref="T33:T34"/>
    <mergeCell ref="B27:E36"/>
    <mergeCell ref="J31:S32"/>
    <mergeCell ref="J33:S34"/>
    <mergeCell ref="J35:S36"/>
    <mergeCell ref="F33:I34"/>
    <mergeCell ref="F27:I28"/>
    <mergeCell ref="J27:S28"/>
    <mergeCell ref="J29:S30"/>
    <mergeCell ref="T27:T28"/>
    <mergeCell ref="F29:I30"/>
    <mergeCell ref="F31:I32"/>
    <mergeCell ref="J15:S16"/>
  </mergeCells>
  <phoneticPr fontId="1"/>
  <pageMargins left="0.78700000000000003" right="0.17" top="0.36" bottom="0.23" header="0.51200000000000001" footer="0.18"/>
  <pageSetup paperSize="9" scale="99"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80"/>
  <sheetViews>
    <sheetView view="pageBreakPreview" zoomScale="83" zoomScaleNormal="100" zoomScaleSheetLayoutView="83" workbookViewId="0">
      <selection activeCell="AB23" sqref="AB23"/>
    </sheetView>
  </sheetViews>
  <sheetFormatPr defaultColWidth="3.6640625" defaultRowHeight="13" x14ac:dyDescent="0.2"/>
  <cols>
    <col min="1" max="19" width="4.08203125" style="1" customWidth="1"/>
    <col min="20" max="20" width="7.58203125" style="1" customWidth="1"/>
    <col min="21" max="16384" width="3.6640625" style="1"/>
  </cols>
  <sheetData>
    <row r="1" spans="1:22" x14ac:dyDescent="0.2">
      <c r="A1" s="266" t="s">
        <v>518</v>
      </c>
      <c r="B1" s="266"/>
      <c r="C1" s="266"/>
      <c r="D1" s="266"/>
      <c r="E1" s="266"/>
      <c r="F1" s="266"/>
      <c r="G1" s="266"/>
      <c r="H1" s="266"/>
      <c r="I1" s="266"/>
      <c r="J1" s="267"/>
      <c r="K1" s="267"/>
      <c r="L1" s="267"/>
      <c r="M1" s="267"/>
      <c r="N1" s="267"/>
      <c r="O1" s="267"/>
      <c r="P1" s="267"/>
      <c r="Q1" s="267"/>
      <c r="R1" s="267"/>
      <c r="S1" s="267"/>
      <c r="T1" s="267"/>
    </row>
    <row r="2" spans="1:22" x14ac:dyDescent="0.2">
      <c r="A2" s="266"/>
      <c r="B2" s="266"/>
      <c r="C2" s="266"/>
      <c r="D2" s="266"/>
      <c r="E2" s="266"/>
      <c r="F2" s="266"/>
      <c r="G2" s="266"/>
      <c r="H2" s="266"/>
      <c r="I2" s="266"/>
      <c r="J2" s="267"/>
      <c r="K2" s="267"/>
      <c r="L2" s="267"/>
      <c r="M2" s="267"/>
      <c r="N2" s="267"/>
      <c r="O2" s="267"/>
      <c r="P2" s="267"/>
      <c r="Q2" s="267"/>
      <c r="R2" s="267"/>
      <c r="S2" s="267"/>
      <c r="T2" s="267"/>
    </row>
    <row r="3" spans="1:22" ht="6" customHeight="1" x14ac:dyDescent="0.2"/>
    <row r="4" spans="1:22" ht="30" customHeight="1" x14ac:dyDescent="0.2">
      <c r="A4" s="274" t="s">
        <v>9</v>
      </c>
      <c r="B4" s="275"/>
      <c r="C4" s="275"/>
      <c r="D4" s="275"/>
      <c r="E4" s="276"/>
      <c r="F4" s="268" t="s">
        <v>347</v>
      </c>
      <c r="G4" s="269"/>
      <c r="H4" s="270"/>
      <c r="I4" s="523" t="s">
        <v>522</v>
      </c>
      <c r="J4" s="524"/>
      <c r="K4" s="524"/>
      <c r="L4" s="524"/>
      <c r="M4" s="524"/>
      <c r="N4" s="524"/>
      <c r="O4" s="524"/>
      <c r="P4" s="524"/>
      <c r="Q4" s="524"/>
      <c r="R4" s="524"/>
      <c r="S4" s="524"/>
      <c r="T4" s="525"/>
    </row>
    <row r="5" spans="1:22" ht="30" customHeight="1" x14ac:dyDescent="0.2">
      <c r="A5" s="557"/>
      <c r="B5" s="558"/>
      <c r="C5" s="558"/>
      <c r="D5" s="558"/>
      <c r="E5" s="559"/>
      <c r="F5" s="271" t="s">
        <v>3</v>
      </c>
      <c r="G5" s="272"/>
      <c r="H5" s="273"/>
      <c r="I5" s="526" t="s">
        <v>523</v>
      </c>
      <c r="J5" s="527"/>
      <c r="K5" s="527"/>
      <c r="L5" s="527"/>
      <c r="M5" s="527"/>
      <c r="N5" s="527"/>
      <c r="O5" s="527"/>
      <c r="P5" s="527"/>
      <c r="Q5" s="527"/>
      <c r="R5" s="527"/>
      <c r="S5" s="527"/>
      <c r="T5" s="528"/>
    </row>
    <row r="6" spans="1:22" ht="25" customHeight="1" x14ac:dyDescent="0.2">
      <c r="A6" s="263" t="s">
        <v>63</v>
      </c>
      <c r="B6" s="264"/>
      <c r="C6" s="264"/>
      <c r="D6" s="264"/>
      <c r="E6" s="265"/>
      <c r="F6" s="523" t="s">
        <v>524</v>
      </c>
      <c r="G6" s="529"/>
      <c r="H6" s="529"/>
      <c r="I6" s="529"/>
      <c r="J6" s="529"/>
      <c r="K6" s="529"/>
      <c r="L6" s="529"/>
      <c r="M6" s="529"/>
      <c r="N6" s="529"/>
      <c r="O6" s="529"/>
      <c r="P6" s="529"/>
      <c r="Q6" s="529"/>
      <c r="R6" s="529"/>
      <c r="S6" s="529"/>
      <c r="T6" s="530"/>
    </row>
    <row r="7" spans="1:22" ht="25" customHeight="1" x14ac:dyDescent="0.2">
      <c r="A7" s="263" t="s">
        <v>169</v>
      </c>
      <c r="B7" s="264"/>
      <c r="C7" s="264"/>
      <c r="D7" s="264"/>
      <c r="E7" s="265"/>
      <c r="F7" s="523" t="s">
        <v>525</v>
      </c>
      <c r="G7" s="529"/>
      <c r="H7" s="529"/>
      <c r="I7" s="529"/>
      <c r="J7" s="529"/>
      <c r="K7" s="529"/>
      <c r="L7" s="529"/>
      <c r="M7" s="529"/>
      <c r="N7" s="529"/>
      <c r="O7" s="529"/>
      <c r="P7" s="529"/>
      <c r="Q7" s="529"/>
      <c r="R7" s="529"/>
      <c r="S7" s="529"/>
      <c r="T7" s="530"/>
      <c r="U7" s="2"/>
      <c r="V7" s="2"/>
    </row>
    <row r="8" spans="1:22" ht="25" customHeight="1" x14ac:dyDescent="0.2">
      <c r="A8" s="263" t="s">
        <v>10</v>
      </c>
      <c r="B8" s="264"/>
      <c r="C8" s="264"/>
      <c r="D8" s="264"/>
      <c r="E8" s="265"/>
      <c r="F8" s="531" t="s">
        <v>526</v>
      </c>
      <c r="G8" s="532"/>
      <c r="H8" s="532"/>
      <c r="I8" s="532"/>
      <c r="J8" s="532"/>
      <c r="K8" s="532"/>
      <c r="L8" s="532"/>
      <c r="M8" s="532"/>
      <c r="N8" s="532"/>
      <c r="O8" s="532"/>
      <c r="P8" s="532"/>
      <c r="Q8" s="532"/>
      <c r="R8" s="532"/>
      <c r="S8" s="532"/>
      <c r="T8" s="533"/>
    </row>
    <row r="9" spans="1:22" ht="25" customHeight="1" x14ac:dyDescent="0.2">
      <c r="A9" s="283" t="s">
        <v>4</v>
      </c>
      <c r="B9" s="283"/>
      <c r="C9" s="283"/>
      <c r="D9" s="283"/>
      <c r="E9" s="283"/>
      <c r="F9" s="268"/>
      <c r="G9" s="269"/>
      <c r="H9" s="269"/>
      <c r="I9" s="269"/>
      <c r="J9" s="269"/>
      <c r="K9" s="269"/>
      <c r="L9" s="269"/>
      <c r="M9" s="269"/>
      <c r="N9" s="269"/>
      <c r="O9" s="269"/>
      <c r="P9" s="269"/>
      <c r="Q9" s="269"/>
      <c r="R9" s="269"/>
      <c r="S9" s="269"/>
      <c r="T9" s="270"/>
    </row>
    <row r="10" spans="1:22" ht="25" customHeight="1" x14ac:dyDescent="0.2">
      <c r="A10" s="560" t="s">
        <v>507</v>
      </c>
      <c r="B10" s="561"/>
      <c r="C10" s="561"/>
      <c r="D10" s="561"/>
      <c r="E10" s="562"/>
      <c r="F10" s="280" t="s">
        <v>5</v>
      </c>
      <c r="G10" s="281"/>
      <c r="H10" s="281"/>
      <c r="I10" s="281"/>
      <c r="J10" s="282"/>
      <c r="K10" s="504" t="s">
        <v>504</v>
      </c>
      <c r="L10" s="505"/>
      <c r="M10" s="505"/>
      <c r="N10" s="505"/>
      <c r="O10" s="505"/>
      <c r="P10" s="505"/>
      <c r="Q10" s="505"/>
      <c r="R10" s="505"/>
      <c r="S10" s="505"/>
      <c r="T10" s="506"/>
      <c r="V10" s="507" t="s">
        <v>233</v>
      </c>
    </row>
    <row r="11" spans="1:22" ht="25" customHeight="1" x14ac:dyDescent="0.2">
      <c r="A11" s="563"/>
      <c r="B11" s="564"/>
      <c r="C11" s="564"/>
      <c r="D11" s="564"/>
      <c r="E11" s="565"/>
      <c r="F11" s="284" t="s">
        <v>103</v>
      </c>
      <c r="G11" s="285"/>
      <c r="H11" s="285"/>
      <c r="I11" s="285"/>
      <c r="J11" s="286"/>
      <c r="K11" s="504" t="s">
        <v>505</v>
      </c>
      <c r="L11" s="505"/>
      <c r="M11" s="505"/>
      <c r="N11" s="505"/>
      <c r="O11" s="505"/>
      <c r="P11" s="505"/>
      <c r="Q11" s="505"/>
      <c r="R11" s="505"/>
      <c r="S11" s="505"/>
      <c r="T11" s="506"/>
      <c r="V11" s="508" t="s">
        <v>234</v>
      </c>
    </row>
    <row r="12" spans="1:22" ht="25" customHeight="1" x14ac:dyDescent="0.2">
      <c r="A12" s="563"/>
      <c r="B12" s="564"/>
      <c r="C12" s="564"/>
      <c r="D12" s="564"/>
      <c r="E12" s="565"/>
      <c r="F12" s="293" t="s">
        <v>102</v>
      </c>
      <c r="G12" s="294"/>
      <c r="H12" s="294"/>
      <c r="I12" s="294"/>
      <c r="J12" s="295"/>
      <c r="K12" s="504" t="s">
        <v>505</v>
      </c>
      <c r="L12" s="505"/>
      <c r="M12" s="505"/>
      <c r="N12" s="505"/>
      <c r="O12" s="505"/>
      <c r="P12" s="505"/>
      <c r="Q12" s="505"/>
      <c r="R12" s="505"/>
      <c r="S12" s="505"/>
      <c r="T12" s="506"/>
      <c r="V12" s="507" t="s">
        <v>235</v>
      </c>
    </row>
    <row r="13" spans="1:22" ht="25" customHeight="1" x14ac:dyDescent="0.2">
      <c r="A13" s="566"/>
      <c r="B13" s="567"/>
      <c r="C13" s="567"/>
      <c r="D13" s="567"/>
      <c r="E13" s="568"/>
      <c r="F13" s="284" t="s">
        <v>6</v>
      </c>
      <c r="G13" s="285"/>
      <c r="H13" s="285"/>
      <c r="I13" s="285"/>
      <c r="J13" s="286"/>
      <c r="K13" s="512" t="s">
        <v>505</v>
      </c>
      <c r="L13" s="513"/>
      <c r="M13" s="513"/>
      <c r="N13" s="513"/>
      <c r="O13" s="513"/>
      <c r="P13" s="513"/>
      <c r="Q13" s="513"/>
      <c r="R13" s="513"/>
      <c r="S13" s="513"/>
      <c r="T13" s="514"/>
      <c r="V13" s="3"/>
    </row>
    <row r="14" spans="1:22" ht="20.149999999999999" customHeight="1" x14ac:dyDescent="0.2">
      <c r="A14" s="569" t="s">
        <v>519</v>
      </c>
      <c r="B14" s="232" t="s">
        <v>170</v>
      </c>
      <c r="C14" s="233"/>
      <c r="D14" s="233"/>
      <c r="E14" s="234"/>
      <c r="F14" s="296" t="s">
        <v>7</v>
      </c>
      <c r="G14" s="297"/>
      <c r="H14" s="297"/>
      <c r="I14" s="297"/>
      <c r="J14" s="263" t="s">
        <v>64</v>
      </c>
      <c r="K14" s="264"/>
      <c r="L14" s="264"/>
      <c r="M14" s="264"/>
      <c r="N14" s="264"/>
      <c r="O14" s="264"/>
      <c r="P14" s="264"/>
      <c r="Q14" s="264"/>
      <c r="R14" s="264"/>
      <c r="S14" s="265"/>
      <c r="T14" s="200" t="s">
        <v>8</v>
      </c>
    </row>
    <row r="15" spans="1:22" ht="20.149999999999999" customHeight="1" x14ac:dyDescent="0.2">
      <c r="A15" s="570"/>
      <c r="B15" s="235"/>
      <c r="C15" s="236"/>
      <c r="D15" s="236"/>
      <c r="E15" s="237"/>
      <c r="F15" s="534" t="s">
        <v>527</v>
      </c>
      <c r="G15" s="535"/>
      <c r="H15" s="535"/>
      <c r="I15" s="536"/>
      <c r="J15" s="537" t="s">
        <v>528</v>
      </c>
      <c r="K15" s="538"/>
      <c r="L15" s="538"/>
      <c r="M15" s="538"/>
      <c r="N15" s="538"/>
      <c r="O15" s="538"/>
      <c r="P15" s="538"/>
      <c r="Q15" s="538"/>
      <c r="R15" s="538"/>
      <c r="S15" s="539"/>
      <c r="T15" s="540">
        <v>1</v>
      </c>
    </row>
    <row r="16" spans="1:22" ht="20.149999999999999" customHeight="1" x14ac:dyDescent="0.2">
      <c r="A16" s="570"/>
      <c r="B16" s="235"/>
      <c r="C16" s="236"/>
      <c r="D16" s="236"/>
      <c r="E16" s="237"/>
      <c r="F16" s="541"/>
      <c r="G16" s="542"/>
      <c r="H16" s="542"/>
      <c r="I16" s="543"/>
      <c r="J16" s="544"/>
      <c r="K16" s="545"/>
      <c r="L16" s="545"/>
      <c r="M16" s="545"/>
      <c r="N16" s="545"/>
      <c r="O16" s="545"/>
      <c r="P16" s="545"/>
      <c r="Q16" s="545"/>
      <c r="R16" s="545"/>
      <c r="S16" s="546"/>
      <c r="T16" s="547"/>
    </row>
    <row r="17" spans="1:20" ht="20.149999999999999" customHeight="1" x14ac:dyDescent="0.2">
      <c r="A17" s="570"/>
      <c r="B17" s="235"/>
      <c r="C17" s="236"/>
      <c r="D17" s="236"/>
      <c r="E17" s="237"/>
      <c r="F17" s="548" t="s">
        <v>529</v>
      </c>
      <c r="G17" s="549"/>
      <c r="H17" s="549"/>
      <c r="I17" s="550"/>
      <c r="J17" s="551" t="s">
        <v>530</v>
      </c>
      <c r="K17" s="552"/>
      <c r="L17" s="552"/>
      <c r="M17" s="552"/>
      <c r="N17" s="552"/>
      <c r="O17" s="552"/>
      <c r="P17" s="552"/>
      <c r="Q17" s="552"/>
      <c r="R17" s="552"/>
      <c r="S17" s="553"/>
      <c r="T17" s="540">
        <v>2</v>
      </c>
    </row>
    <row r="18" spans="1:20" ht="20.149999999999999" customHeight="1" x14ac:dyDescent="0.2">
      <c r="A18" s="570"/>
      <c r="B18" s="235"/>
      <c r="C18" s="236"/>
      <c r="D18" s="236"/>
      <c r="E18" s="237"/>
      <c r="F18" s="548"/>
      <c r="G18" s="549"/>
      <c r="H18" s="549"/>
      <c r="I18" s="550"/>
      <c r="J18" s="554"/>
      <c r="K18" s="555"/>
      <c r="L18" s="555"/>
      <c r="M18" s="555"/>
      <c r="N18" s="555"/>
      <c r="O18" s="555"/>
      <c r="P18" s="555"/>
      <c r="Q18" s="555"/>
      <c r="R18" s="555"/>
      <c r="S18" s="556"/>
      <c r="T18" s="547"/>
    </row>
    <row r="19" spans="1:20" ht="20.149999999999999" customHeight="1" x14ac:dyDescent="0.2">
      <c r="A19" s="570"/>
      <c r="B19" s="235"/>
      <c r="C19" s="236"/>
      <c r="D19" s="236"/>
      <c r="E19" s="237"/>
      <c r="F19" s="287"/>
      <c r="G19" s="288"/>
      <c r="H19" s="288"/>
      <c r="I19" s="289"/>
      <c r="J19" s="251"/>
      <c r="K19" s="252"/>
      <c r="L19" s="252"/>
      <c r="M19" s="252"/>
      <c r="N19" s="252"/>
      <c r="O19" s="252"/>
      <c r="P19" s="252"/>
      <c r="Q19" s="252"/>
      <c r="R19" s="252"/>
      <c r="S19" s="253"/>
      <c r="T19" s="241"/>
    </row>
    <row r="20" spans="1:20" ht="20.149999999999999" customHeight="1" x14ac:dyDescent="0.2">
      <c r="A20" s="570"/>
      <c r="B20" s="235"/>
      <c r="C20" s="236"/>
      <c r="D20" s="236"/>
      <c r="E20" s="237"/>
      <c r="F20" s="290"/>
      <c r="G20" s="291"/>
      <c r="H20" s="291"/>
      <c r="I20" s="292"/>
      <c r="J20" s="254"/>
      <c r="K20" s="255"/>
      <c r="L20" s="255"/>
      <c r="M20" s="255"/>
      <c r="N20" s="255"/>
      <c r="O20" s="255"/>
      <c r="P20" s="255"/>
      <c r="Q20" s="255"/>
      <c r="R20" s="255"/>
      <c r="S20" s="256"/>
      <c r="T20" s="241"/>
    </row>
    <row r="21" spans="1:20" ht="20.149999999999999" customHeight="1" x14ac:dyDescent="0.2">
      <c r="A21" s="570"/>
      <c r="B21" s="235"/>
      <c r="C21" s="236"/>
      <c r="D21" s="236"/>
      <c r="E21" s="237"/>
      <c r="F21" s="263"/>
      <c r="G21" s="264"/>
      <c r="H21" s="264"/>
      <c r="I21" s="265"/>
      <c r="J21" s="251"/>
      <c r="K21" s="252"/>
      <c r="L21" s="252"/>
      <c r="M21" s="252"/>
      <c r="N21" s="252"/>
      <c r="O21" s="252"/>
      <c r="P21" s="252"/>
      <c r="Q21" s="252"/>
      <c r="R21" s="252"/>
      <c r="S21" s="253"/>
      <c r="T21" s="241"/>
    </row>
    <row r="22" spans="1:20" ht="20.149999999999999" customHeight="1" x14ac:dyDescent="0.2">
      <c r="A22" s="570"/>
      <c r="B22" s="235"/>
      <c r="C22" s="236"/>
      <c r="D22" s="236"/>
      <c r="E22" s="237"/>
      <c r="F22" s="263"/>
      <c r="G22" s="264"/>
      <c r="H22" s="264"/>
      <c r="I22" s="265"/>
      <c r="J22" s="254"/>
      <c r="K22" s="255"/>
      <c r="L22" s="255"/>
      <c r="M22" s="255"/>
      <c r="N22" s="255"/>
      <c r="O22" s="255"/>
      <c r="P22" s="255"/>
      <c r="Q22" s="255"/>
      <c r="R22" s="255"/>
      <c r="S22" s="256"/>
      <c r="T22" s="241"/>
    </row>
    <row r="23" spans="1:20" ht="20.149999999999999" customHeight="1" x14ac:dyDescent="0.2">
      <c r="A23" s="570"/>
      <c r="B23" s="235"/>
      <c r="C23" s="236"/>
      <c r="D23" s="236"/>
      <c r="E23" s="237"/>
      <c r="F23" s="257"/>
      <c r="G23" s="298"/>
      <c r="H23" s="298"/>
      <c r="I23" s="299"/>
      <c r="J23" s="251"/>
      <c r="K23" s="252"/>
      <c r="L23" s="252"/>
      <c r="M23" s="252"/>
      <c r="N23" s="252"/>
      <c r="O23" s="252"/>
      <c r="P23" s="252"/>
      <c r="Q23" s="252"/>
      <c r="R23" s="252"/>
      <c r="S23" s="253"/>
      <c r="T23" s="241"/>
    </row>
    <row r="24" spans="1:20" ht="20.149999999999999" customHeight="1" x14ac:dyDescent="0.2">
      <c r="A24" s="570"/>
      <c r="B24" s="235"/>
      <c r="C24" s="236"/>
      <c r="D24" s="236"/>
      <c r="E24" s="237"/>
      <c r="F24" s="260"/>
      <c r="G24" s="261"/>
      <c r="H24" s="261"/>
      <c r="I24" s="262"/>
      <c r="J24" s="254"/>
      <c r="K24" s="255"/>
      <c r="L24" s="255"/>
      <c r="M24" s="255"/>
      <c r="N24" s="255"/>
      <c r="O24" s="255"/>
      <c r="P24" s="255"/>
      <c r="Q24" s="255"/>
      <c r="R24" s="255"/>
      <c r="S24" s="256"/>
      <c r="T24" s="241"/>
    </row>
    <row r="25" spans="1:20" ht="20.149999999999999" customHeight="1" x14ac:dyDescent="0.2">
      <c r="A25" s="570"/>
      <c r="B25" s="235"/>
      <c r="C25" s="236"/>
      <c r="D25" s="236"/>
      <c r="E25" s="237"/>
      <c r="F25" s="263"/>
      <c r="G25" s="264"/>
      <c r="H25" s="264"/>
      <c r="I25" s="265"/>
      <c r="J25" s="251"/>
      <c r="K25" s="252"/>
      <c r="L25" s="252"/>
      <c r="M25" s="252"/>
      <c r="N25" s="252"/>
      <c r="O25" s="252"/>
      <c r="P25" s="252"/>
      <c r="Q25" s="252"/>
      <c r="R25" s="252"/>
      <c r="S25" s="253"/>
      <c r="T25" s="241"/>
    </row>
    <row r="26" spans="1:20" ht="20.149999999999999" customHeight="1" x14ac:dyDescent="0.2">
      <c r="A26" s="570"/>
      <c r="B26" s="238"/>
      <c r="C26" s="239"/>
      <c r="D26" s="239"/>
      <c r="E26" s="240"/>
      <c r="F26" s="263"/>
      <c r="G26" s="264"/>
      <c r="H26" s="264"/>
      <c r="I26" s="265"/>
      <c r="J26" s="254"/>
      <c r="K26" s="255"/>
      <c r="L26" s="255"/>
      <c r="M26" s="255"/>
      <c r="N26" s="255"/>
      <c r="O26" s="255"/>
      <c r="P26" s="255"/>
      <c r="Q26" s="255"/>
      <c r="R26" s="255"/>
      <c r="S26" s="256"/>
      <c r="T26" s="241"/>
    </row>
    <row r="27" spans="1:20" ht="20.149999999999999" customHeight="1" x14ac:dyDescent="0.2">
      <c r="A27" s="570"/>
      <c r="B27" s="242" t="s">
        <v>171</v>
      </c>
      <c r="C27" s="243"/>
      <c r="D27" s="243"/>
      <c r="E27" s="244"/>
      <c r="F27" s="263"/>
      <c r="G27" s="264"/>
      <c r="H27" s="264"/>
      <c r="I27" s="265"/>
      <c r="J27" s="251"/>
      <c r="K27" s="252"/>
      <c r="L27" s="252"/>
      <c r="M27" s="252"/>
      <c r="N27" s="252"/>
      <c r="O27" s="252"/>
      <c r="P27" s="252"/>
      <c r="Q27" s="252"/>
      <c r="R27" s="252"/>
      <c r="S27" s="253"/>
      <c r="T27" s="241"/>
    </row>
    <row r="28" spans="1:20" ht="20.149999999999999" customHeight="1" x14ac:dyDescent="0.2">
      <c r="A28" s="570"/>
      <c r="B28" s="245"/>
      <c r="C28" s="246"/>
      <c r="D28" s="246"/>
      <c r="E28" s="247"/>
      <c r="F28" s="263"/>
      <c r="G28" s="264"/>
      <c r="H28" s="264"/>
      <c r="I28" s="265"/>
      <c r="J28" s="254"/>
      <c r="K28" s="255"/>
      <c r="L28" s="255"/>
      <c r="M28" s="255"/>
      <c r="N28" s="255"/>
      <c r="O28" s="255"/>
      <c r="P28" s="255"/>
      <c r="Q28" s="255"/>
      <c r="R28" s="255"/>
      <c r="S28" s="256"/>
      <c r="T28" s="241"/>
    </row>
    <row r="29" spans="1:20" ht="20.149999999999999" customHeight="1" x14ac:dyDescent="0.2">
      <c r="A29" s="570"/>
      <c r="B29" s="245"/>
      <c r="C29" s="246"/>
      <c r="D29" s="246"/>
      <c r="E29" s="247"/>
      <c r="F29" s="263"/>
      <c r="G29" s="264"/>
      <c r="H29" s="264"/>
      <c r="I29" s="265"/>
      <c r="J29" s="251"/>
      <c r="K29" s="252"/>
      <c r="L29" s="252"/>
      <c r="M29" s="252"/>
      <c r="N29" s="252"/>
      <c r="O29" s="252"/>
      <c r="P29" s="252"/>
      <c r="Q29" s="252"/>
      <c r="R29" s="252"/>
      <c r="S29" s="253"/>
      <c r="T29" s="241"/>
    </row>
    <row r="30" spans="1:20" ht="20.149999999999999" customHeight="1" x14ac:dyDescent="0.2">
      <c r="A30" s="570"/>
      <c r="B30" s="245"/>
      <c r="C30" s="246"/>
      <c r="D30" s="246"/>
      <c r="E30" s="247"/>
      <c r="F30" s="263"/>
      <c r="G30" s="264"/>
      <c r="H30" s="264"/>
      <c r="I30" s="265"/>
      <c r="J30" s="254"/>
      <c r="K30" s="255"/>
      <c r="L30" s="255"/>
      <c r="M30" s="255"/>
      <c r="N30" s="255"/>
      <c r="O30" s="255"/>
      <c r="P30" s="255"/>
      <c r="Q30" s="255"/>
      <c r="R30" s="255"/>
      <c r="S30" s="256"/>
      <c r="T30" s="241"/>
    </row>
    <row r="31" spans="1:20" ht="20.149999999999999" customHeight="1" x14ac:dyDescent="0.2">
      <c r="A31" s="570"/>
      <c r="B31" s="245"/>
      <c r="C31" s="246"/>
      <c r="D31" s="246"/>
      <c r="E31" s="247"/>
      <c r="F31" s="257"/>
      <c r="G31" s="258"/>
      <c r="H31" s="258"/>
      <c r="I31" s="259"/>
      <c r="J31" s="251"/>
      <c r="K31" s="252"/>
      <c r="L31" s="252"/>
      <c r="M31" s="252"/>
      <c r="N31" s="252"/>
      <c r="O31" s="252"/>
      <c r="P31" s="252"/>
      <c r="Q31" s="252"/>
      <c r="R31" s="252"/>
      <c r="S31" s="253"/>
      <c r="T31" s="241"/>
    </row>
    <row r="32" spans="1:20" ht="20.149999999999999" customHeight="1" x14ac:dyDescent="0.2">
      <c r="A32" s="570"/>
      <c r="B32" s="245"/>
      <c r="C32" s="246"/>
      <c r="D32" s="246"/>
      <c r="E32" s="247"/>
      <c r="F32" s="260"/>
      <c r="G32" s="261"/>
      <c r="H32" s="261"/>
      <c r="I32" s="262"/>
      <c r="J32" s="254"/>
      <c r="K32" s="255"/>
      <c r="L32" s="255"/>
      <c r="M32" s="255"/>
      <c r="N32" s="255"/>
      <c r="O32" s="255"/>
      <c r="P32" s="255"/>
      <c r="Q32" s="255"/>
      <c r="R32" s="255"/>
      <c r="S32" s="256"/>
      <c r="T32" s="241"/>
    </row>
    <row r="33" spans="1:20" ht="20.149999999999999" customHeight="1" x14ac:dyDescent="0.2">
      <c r="A33" s="570"/>
      <c r="B33" s="245"/>
      <c r="C33" s="246"/>
      <c r="D33" s="246"/>
      <c r="E33" s="247"/>
      <c r="F33" s="257"/>
      <c r="G33" s="258"/>
      <c r="H33" s="258"/>
      <c r="I33" s="259"/>
      <c r="J33" s="251"/>
      <c r="K33" s="252"/>
      <c r="L33" s="252"/>
      <c r="M33" s="252"/>
      <c r="N33" s="252"/>
      <c r="O33" s="252"/>
      <c r="P33" s="252"/>
      <c r="Q33" s="252"/>
      <c r="R33" s="252"/>
      <c r="S33" s="253"/>
      <c r="T33" s="241"/>
    </row>
    <row r="34" spans="1:20" ht="20.149999999999999" customHeight="1" x14ac:dyDescent="0.2">
      <c r="A34" s="570"/>
      <c r="B34" s="245"/>
      <c r="C34" s="246"/>
      <c r="D34" s="246"/>
      <c r="E34" s="247"/>
      <c r="F34" s="260"/>
      <c r="G34" s="261"/>
      <c r="H34" s="261"/>
      <c r="I34" s="262"/>
      <c r="J34" s="254"/>
      <c r="K34" s="255"/>
      <c r="L34" s="255"/>
      <c r="M34" s="255"/>
      <c r="N34" s="255"/>
      <c r="O34" s="255"/>
      <c r="P34" s="255"/>
      <c r="Q34" s="255"/>
      <c r="R34" s="255"/>
      <c r="S34" s="256"/>
      <c r="T34" s="241"/>
    </row>
    <row r="35" spans="1:20" ht="20.149999999999999" customHeight="1" x14ac:dyDescent="0.2">
      <c r="A35" s="570"/>
      <c r="B35" s="245"/>
      <c r="C35" s="246"/>
      <c r="D35" s="246"/>
      <c r="E35" s="247"/>
      <c r="F35" s="263"/>
      <c r="G35" s="264"/>
      <c r="H35" s="264"/>
      <c r="I35" s="265"/>
      <c r="J35" s="251"/>
      <c r="K35" s="252"/>
      <c r="L35" s="252"/>
      <c r="M35" s="252"/>
      <c r="N35" s="252"/>
      <c r="O35" s="252"/>
      <c r="P35" s="252"/>
      <c r="Q35" s="252"/>
      <c r="R35" s="252"/>
      <c r="S35" s="253"/>
      <c r="T35" s="241"/>
    </row>
    <row r="36" spans="1:20" ht="20.149999999999999" customHeight="1" x14ac:dyDescent="0.2">
      <c r="A36" s="571"/>
      <c r="B36" s="248"/>
      <c r="C36" s="249"/>
      <c r="D36" s="249"/>
      <c r="E36" s="250"/>
      <c r="F36" s="263"/>
      <c r="G36" s="264"/>
      <c r="H36" s="264"/>
      <c r="I36" s="265"/>
      <c r="J36" s="254"/>
      <c r="K36" s="255"/>
      <c r="L36" s="255"/>
      <c r="M36" s="255"/>
      <c r="N36" s="255"/>
      <c r="O36" s="255"/>
      <c r="P36" s="255"/>
      <c r="Q36" s="255"/>
      <c r="R36" s="255"/>
      <c r="S36" s="256"/>
      <c r="T36" s="241"/>
    </row>
    <row r="37" spans="1:20" ht="20.149999999999999" customHeight="1" x14ac:dyDescent="0.2">
      <c r="A37" s="518" t="s">
        <v>68</v>
      </c>
      <c r="B37" s="518"/>
      <c r="C37" s="518"/>
      <c r="D37" s="518"/>
      <c r="E37" s="518"/>
      <c r="F37" s="518"/>
      <c r="G37" s="518"/>
      <c r="H37" s="518"/>
      <c r="I37" s="518"/>
      <c r="J37" s="518"/>
      <c r="K37" s="518"/>
      <c r="L37" s="518"/>
      <c r="M37" s="518"/>
      <c r="N37" s="518"/>
      <c r="O37" s="518"/>
      <c r="P37" s="518"/>
      <c r="Q37" s="518"/>
      <c r="R37" s="518"/>
      <c r="S37" s="518"/>
      <c r="T37" s="518"/>
    </row>
    <row r="38" spans="1:20" ht="20.149999999999999" customHeight="1" x14ac:dyDescent="0.2">
      <c r="A38" s="519" t="s">
        <v>506</v>
      </c>
      <c r="B38" s="520"/>
      <c r="C38" s="520"/>
      <c r="D38" s="520"/>
      <c r="E38" s="520"/>
      <c r="F38" s="520"/>
      <c r="G38" s="520"/>
      <c r="H38" s="520"/>
      <c r="I38" s="520"/>
      <c r="J38" s="520"/>
      <c r="K38" s="520"/>
      <c r="L38" s="520"/>
      <c r="M38" s="520"/>
      <c r="N38" s="520"/>
      <c r="O38" s="520"/>
      <c r="P38" s="520"/>
      <c r="Q38" s="520"/>
      <c r="R38" s="520"/>
      <c r="S38" s="520"/>
      <c r="T38" s="520"/>
    </row>
    <row r="39" spans="1:20" ht="20.149999999999999" customHeight="1" x14ac:dyDescent="0.2">
      <c r="A39" s="521" t="s">
        <v>599</v>
      </c>
      <c r="B39" s="521"/>
      <c r="C39" s="521"/>
      <c r="D39" s="521"/>
      <c r="E39" s="521"/>
      <c r="F39" s="521"/>
      <c r="G39" s="521"/>
      <c r="H39" s="521"/>
      <c r="I39" s="521"/>
      <c r="J39" s="521"/>
      <c r="K39" s="521"/>
      <c r="L39" s="521"/>
      <c r="M39" s="521"/>
      <c r="N39" s="521"/>
      <c r="O39" s="521"/>
      <c r="P39" s="521"/>
      <c r="Q39" s="521"/>
      <c r="R39" s="521"/>
      <c r="S39" s="521"/>
      <c r="T39" s="521"/>
    </row>
    <row r="40" spans="1:20" ht="20.149999999999999" customHeight="1" x14ac:dyDescent="0.2">
      <c r="A40" s="522" t="s">
        <v>600</v>
      </c>
      <c r="B40" s="522"/>
      <c r="C40" s="522"/>
      <c r="D40" s="522"/>
      <c r="E40" s="522"/>
      <c r="F40" s="522"/>
      <c r="G40" s="522"/>
      <c r="H40" s="522"/>
      <c r="I40" s="522"/>
      <c r="J40" s="522"/>
      <c r="K40" s="522"/>
      <c r="L40" s="522"/>
      <c r="M40" s="522"/>
      <c r="N40" s="522"/>
      <c r="O40" s="522"/>
      <c r="P40" s="522"/>
      <c r="Q40" s="522"/>
      <c r="R40" s="522"/>
      <c r="S40" s="522"/>
      <c r="T40" s="522"/>
    </row>
    <row r="41" spans="1:20" ht="20.149999999999999" customHeight="1" x14ac:dyDescent="0.2"/>
    <row r="42" spans="1:20" ht="20.149999999999999" customHeight="1" x14ac:dyDescent="0.2"/>
    <row r="43" spans="1:20" ht="20.149999999999999" customHeight="1" x14ac:dyDescent="0.2"/>
    <row r="44" spans="1:20" ht="20.149999999999999" customHeight="1" x14ac:dyDescent="0.2"/>
    <row r="45" spans="1:20" ht="20.149999999999999" customHeight="1" x14ac:dyDescent="0.2"/>
    <row r="46" spans="1:20" ht="20.149999999999999" customHeight="1" x14ac:dyDescent="0.2"/>
    <row r="47" spans="1:20" ht="20.149999999999999" customHeight="1" x14ac:dyDescent="0.2"/>
    <row r="48" spans="1:20" ht="20.149999999999999" customHeight="1" x14ac:dyDescent="0.2"/>
    <row r="49" ht="20.149999999999999" customHeight="1" x14ac:dyDescent="0.2"/>
    <row r="50" ht="20.149999999999999" customHeight="1" x14ac:dyDescent="0.2"/>
    <row r="51" ht="20.149999999999999" customHeight="1" x14ac:dyDescent="0.2"/>
    <row r="52" ht="20.149999999999999" customHeight="1" x14ac:dyDescent="0.2"/>
    <row r="53" ht="20.149999999999999" customHeight="1" x14ac:dyDescent="0.2"/>
    <row r="54" ht="20.149999999999999" customHeight="1" x14ac:dyDescent="0.2"/>
    <row r="55" ht="20.149999999999999" customHeight="1" x14ac:dyDescent="0.2"/>
    <row r="56" ht="20.149999999999999" customHeight="1" x14ac:dyDescent="0.2"/>
    <row r="57" ht="20.149999999999999" customHeight="1" x14ac:dyDescent="0.2"/>
    <row r="58" ht="20.149999999999999" customHeight="1" x14ac:dyDescent="0.2"/>
    <row r="59" ht="20.149999999999999" customHeight="1" x14ac:dyDescent="0.2"/>
    <row r="60" ht="20.149999999999999" customHeight="1" x14ac:dyDescent="0.2"/>
    <row r="61" ht="20.149999999999999" customHeight="1" x14ac:dyDescent="0.2"/>
    <row r="62" ht="20.149999999999999" customHeight="1" x14ac:dyDescent="0.2"/>
    <row r="63" ht="20.149999999999999" customHeight="1" x14ac:dyDescent="0.2"/>
    <row r="64" ht="20.149999999999999" customHeight="1" x14ac:dyDescent="0.2"/>
    <row r="65" ht="20.149999999999999" customHeight="1" x14ac:dyDescent="0.2"/>
    <row r="66" ht="20.149999999999999" customHeight="1" x14ac:dyDescent="0.2"/>
    <row r="67" ht="20.149999999999999" customHeight="1" x14ac:dyDescent="0.2"/>
    <row r="68" ht="20.149999999999999" customHeight="1" x14ac:dyDescent="0.2"/>
    <row r="69" ht="20.149999999999999" customHeight="1" x14ac:dyDescent="0.2"/>
    <row r="70" ht="20.149999999999999" customHeight="1" x14ac:dyDescent="0.2"/>
    <row r="71" ht="20.149999999999999" customHeight="1" x14ac:dyDescent="0.2"/>
    <row r="72" ht="20.149999999999999" customHeight="1" x14ac:dyDescent="0.2"/>
    <row r="73" ht="20.149999999999999" customHeight="1" x14ac:dyDescent="0.2"/>
    <row r="74" ht="20.149999999999999" customHeight="1" x14ac:dyDescent="0.2"/>
    <row r="75" ht="20.149999999999999" customHeight="1" x14ac:dyDescent="0.2"/>
    <row r="76" ht="20.149999999999999" customHeight="1" x14ac:dyDescent="0.2"/>
    <row r="77" ht="20.149999999999999" customHeight="1" x14ac:dyDescent="0.2"/>
    <row r="78" ht="20.149999999999999" customHeight="1" x14ac:dyDescent="0.2"/>
    <row r="79" ht="20.149999999999999" customHeight="1" x14ac:dyDescent="0.2"/>
    <row r="80" ht="20.149999999999999" customHeight="1" x14ac:dyDescent="0.2"/>
  </sheetData>
  <mergeCells count="63">
    <mergeCell ref="A1:T2"/>
    <mergeCell ref="A4:E5"/>
    <mergeCell ref="F4:H4"/>
    <mergeCell ref="I4:T4"/>
    <mergeCell ref="F5:H5"/>
    <mergeCell ref="I5:T5"/>
    <mergeCell ref="A6:E6"/>
    <mergeCell ref="F6:T6"/>
    <mergeCell ref="A7:E7"/>
    <mergeCell ref="F7:T7"/>
    <mergeCell ref="A8:E8"/>
    <mergeCell ref="F8:T8"/>
    <mergeCell ref="A9:E9"/>
    <mergeCell ref="F9:T9"/>
    <mergeCell ref="A10:E13"/>
    <mergeCell ref="F10:J10"/>
    <mergeCell ref="K10:T10"/>
    <mergeCell ref="F11:J11"/>
    <mergeCell ref="K11:T11"/>
    <mergeCell ref="F12:J12"/>
    <mergeCell ref="K12:T12"/>
    <mergeCell ref="F13:J13"/>
    <mergeCell ref="K13:T13"/>
    <mergeCell ref="A14:A36"/>
    <mergeCell ref="F14:I14"/>
    <mergeCell ref="J14:S14"/>
    <mergeCell ref="F15:I16"/>
    <mergeCell ref="J15:S16"/>
    <mergeCell ref="J31:S32"/>
    <mergeCell ref="F21:I22"/>
    <mergeCell ref="J21:S22"/>
    <mergeCell ref="B14:E26"/>
    <mergeCell ref="T15:T16"/>
    <mergeCell ref="F17:I18"/>
    <mergeCell ref="J17:S18"/>
    <mergeCell ref="T17:T18"/>
    <mergeCell ref="F19:I20"/>
    <mergeCell ref="J19:S20"/>
    <mergeCell ref="T19:T20"/>
    <mergeCell ref="T31:T32"/>
    <mergeCell ref="F23:I24"/>
    <mergeCell ref="J23:S24"/>
    <mergeCell ref="T23:T24"/>
    <mergeCell ref="F25:I26"/>
    <mergeCell ref="J25:S26"/>
    <mergeCell ref="T25:T26"/>
    <mergeCell ref="F31:I32"/>
    <mergeCell ref="A39:T39"/>
    <mergeCell ref="T21:T22"/>
    <mergeCell ref="A37:T37"/>
    <mergeCell ref="F33:I34"/>
    <mergeCell ref="J33:S34"/>
    <mergeCell ref="T33:T34"/>
    <mergeCell ref="F35:I36"/>
    <mergeCell ref="J35:S36"/>
    <mergeCell ref="T35:T36"/>
    <mergeCell ref="B27:E36"/>
    <mergeCell ref="F27:I28"/>
    <mergeCell ref="J27:S28"/>
    <mergeCell ref="T27:T28"/>
    <mergeCell ref="F29:I30"/>
    <mergeCell ref="J29:S30"/>
    <mergeCell ref="T29:T30"/>
  </mergeCells>
  <phoneticPr fontId="1"/>
  <pageMargins left="0.78700000000000003" right="0.17" top="0.36" bottom="0.23" header="0.51200000000000001" footer="0.18"/>
  <pageSetup paperSize="9" scale="99"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46"/>
  <sheetViews>
    <sheetView view="pageBreakPreview" zoomScale="81" zoomScaleNormal="100" zoomScaleSheetLayoutView="81" workbookViewId="0">
      <selection activeCell="A5" sqref="A5:B5"/>
    </sheetView>
  </sheetViews>
  <sheetFormatPr defaultColWidth="9" defaultRowHeight="18.75" customHeight="1" x14ac:dyDescent="0.2"/>
  <cols>
    <col min="1" max="1" width="4.58203125" style="82" customWidth="1"/>
    <col min="2" max="2" width="12.08203125" style="82" customWidth="1"/>
    <col min="3" max="3" width="2.08203125" style="82" customWidth="1"/>
    <col min="4" max="4" width="7.1640625" style="82" customWidth="1"/>
    <col min="5" max="5" width="11.08203125" style="82" customWidth="1"/>
    <col min="6" max="6" width="21" style="82" customWidth="1"/>
    <col min="7" max="7" width="13.58203125" style="82" customWidth="1"/>
    <col min="8" max="8" width="4.6640625" style="82" customWidth="1"/>
    <col min="9" max="9" width="16.5" style="82" customWidth="1"/>
    <col min="10" max="16384" width="9" style="82"/>
  </cols>
  <sheetData>
    <row r="1" spans="1:9" ht="22.5" customHeight="1" x14ac:dyDescent="0.2">
      <c r="A1" s="82" t="s">
        <v>601</v>
      </c>
    </row>
    <row r="2" spans="1:9" ht="23.25" customHeight="1" x14ac:dyDescent="0.2">
      <c r="A2" s="331" t="s">
        <v>220</v>
      </c>
      <c r="B2" s="331"/>
      <c r="C2" s="331"/>
      <c r="D2" s="331"/>
      <c r="E2" s="331"/>
      <c r="F2" s="331"/>
      <c r="G2" s="331"/>
      <c r="H2" s="331"/>
      <c r="I2" s="331"/>
    </row>
    <row r="3" spans="1:9" ht="23.25" customHeight="1" x14ac:dyDescent="0.2">
      <c r="A3" s="332" t="s">
        <v>221</v>
      </c>
      <c r="B3" s="332"/>
      <c r="C3" s="332"/>
      <c r="D3" s="332"/>
      <c r="E3" s="332"/>
      <c r="F3" s="332"/>
      <c r="G3" s="332"/>
      <c r="H3" s="332"/>
      <c r="I3" s="332"/>
    </row>
    <row r="4" spans="1:9" ht="5.25" customHeight="1" x14ac:dyDescent="0.2"/>
    <row r="5" spans="1:9" ht="24" customHeight="1" x14ac:dyDescent="0.2">
      <c r="A5" s="333" t="s">
        <v>7</v>
      </c>
      <c r="B5" s="333"/>
      <c r="C5" s="308"/>
      <c r="D5" s="308"/>
      <c r="E5" s="308"/>
      <c r="F5" s="308"/>
      <c r="G5" s="308"/>
      <c r="H5" s="308"/>
      <c r="I5" s="308"/>
    </row>
    <row r="6" spans="1:9" ht="24" customHeight="1" x14ac:dyDescent="0.2">
      <c r="A6" s="333" t="s">
        <v>109</v>
      </c>
      <c r="B6" s="333"/>
      <c r="C6" s="334" t="s">
        <v>222</v>
      </c>
      <c r="D6" s="334"/>
      <c r="E6" s="334"/>
      <c r="F6" s="334"/>
      <c r="G6" s="192" t="s">
        <v>120</v>
      </c>
      <c r="H6" s="308" t="s">
        <v>124</v>
      </c>
      <c r="I6" s="308"/>
    </row>
    <row r="7" spans="1:9" ht="24" customHeight="1" x14ac:dyDescent="0.2">
      <c r="A7" s="300" t="s">
        <v>508</v>
      </c>
      <c r="B7" s="301"/>
      <c r="C7" s="302"/>
      <c r="D7" s="302"/>
      <c r="E7" s="302"/>
      <c r="F7" s="302"/>
      <c r="G7" s="302"/>
      <c r="H7" s="302"/>
      <c r="I7" s="301"/>
    </row>
    <row r="8" spans="1:9" ht="24" customHeight="1" x14ac:dyDescent="0.2">
      <c r="A8" s="303" t="s">
        <v>114</v>
      </c>
      <c r="B8" s="324" t="s">
        <v>117</v>
      </c>
      <c r="C8" s="324"/>
      <c r="D8" s="324"/>
      <c r="E8" s="325" t="s">
        <v>127</v>
      </c>
      <c r="F8" s="326"/>
      <c r="G8" s="326"/>
      <c r="H8" s="326"/>
      <c r="I8" s="327"/>
    </row>
    <row r="9" spans="1:9" ht="24" customHeight="1" x14ac:dyDescent="0.2">
      <c r="A9" s="304"/>
      <c r="B9" s="328"/>
      <c r="C9" s="328"/>
      <c r="D9" s="328"/>
      <c r="E9" s="313"/>
      <c r="F9" s="314"/>
      <c r="G9" s="314"/>
      <c r="H9" s="314"/>
      <c r="I9" s="315"/>
    </row>
    <row r="10" spans="1:9" ht="24" customHeight="1" x14ac:dyDescent="0.2">
      <c r="A10" s="304"/>
      <c r="B10" s="329"/>
      <c r="C10" s="329"/>
      <c r="D10" s="329"/>
      <c r="E10" s="317"/>
      <c r="F10" s="318"/>
      <c r="G10" s="318"/>
      <c r="H10" s="318"/>
      <c r="I10" s="319"/>
    </row>
    <row r="11" spans="1:9" ht="24" customHeight="1" x14ac:dyDescent="0.2">
      <c r="A11" s="304"/>
      <c r="B11" s="329"/>
      <c r="C11" s="329"/>
      <c r="D11" s="329"/>
      <c r="E11" s="317"/>
      <c r="F11" s="318"/>
      <c r="G11" s="318"/>
      <c r="H11" s="318"/>
      <c r="I11" s="319"/>
    </row>
    <row r="12" spans="1:9" ht="24" customHeight="1" x14ac:dyDescent="0.2">
      <c r="A12" s="304"/>
      <c r="B12" s="329"/>
      <c r="C12" s="329"/>
      <c r="D12" s="329"/>
      <c r="E12" s="317"/>
      <c r="F12" s="318"/>
      <c r="G12" s="318"/>
      <c r="H12" s="318"/>
      <c r="I12" s="319"/>
    </row>
    <row r="13" spans="1:9" ht="24" customHeight="1" x14ac:dyDescent="0.2">
      <c r="A13" s="304"/>
      <c r="B13" s="330"/>
      <c r="C13" s="330"/>
      <c r="D13" s="330"/>
      <c r="E13" s="305"/>
      <c r="F13" s="306"/>
      <c r="G13" s="306"/>
      <c r="H13" s="306"/>
      <c r="I13" s="307"/>
    </row>
    <row r="14" spans="1:9" ht="24" customHeight="1" x14ac:dyDescent="0.2">
      <c r="A14" s="304" t="s">
        <v>115</v>
      </c>
      <c r="B14" s="308" t="s">
        <v>118</v>
      </c>
      <c r="C14" s="308"/>
      <c r="D14" s="308"/>
      <c r="E14" s="321" t="s">
        <v>122</v>
      </c>
      <c r="F14" s="322"/>
      <c r="G14" s="322"/>
      <c r="H14" s="323"/>
      <c r="I14" s="84" t="s">
        <v>128</v>
      </c>
    </row>
    <row r="15" spans="1:9" ht="37.5" customHeight="1" x14ac:dyDescent="0.2">
      <c r="A15" s="304"/>
      <c r="B15" s="312"/>
      <c r="C15" s="312"/>
      <c r="D15" s="312"/>
      <c r="E15" s="313"/>
      <c r="F15" s="314"/>
      <c r="G15" s="314"/>
      <c r="H15" s="315"/>
      <c r="I15" s="85"/>
    </row>
    <row r="16" spans="1:9" ht="37.5" customHeight="1" x14ac:dyDescent="0.2">
      <c r="A16" s="304"/>
      <c r="B16" s="316"/>
      <c r="C16" s="316"/>
      <c r="D16" s="316"/>
      <c r="E16" s="317"/>
      <c r="F16" s="318"/>
      <c r="G16" s="318"/>
      <c r="H16" s="319"/>
      <c r="I16" s="86"/>
    </row>
    <row r="17" spans="1:9" ht="37.5" customHeight="1" x14ac:dyDescent="0.2">
      <c r="A17" s="304"/>
      <c r="B17" s="320"/>
      <c r="C17" s="320"/>
      <c r="D17" s="320"/>
      <c r="E17" s="305"/>
      <c r="F17" s="306"/>
      <c r="G17" s="306"/>
      <c r="H17" s="307"/>
      <c r="I17" s="87"/>
    </row>
    <row r="18" spans="1:9" ht="24.75" customHeight="1" x14ac:dyDescent="0.2">
      <c r="A18" s="304" t="s">
        <v>116</v>
      </c>
      <c r="B18" s="308" t="s">
        <v>118</v>
      </c>
      <c r="C18" s="308"/>
      <c r="D18" s="308"/>
      <c r="E18" s="309" t="s">
        <v>123</v>
      </c>
      <c r="F18" s="310"/>
      <c r="G18" s="310"/>
      <c r="H18" s="311"/>
      <c r="I18" s="84" t="s">
        <v>129</v>
      </c>
    </row>
    <row r="19" spans="1:9" ht="38.25" customHeight="1" x14ac:dyDescent="0.2">
      <c r="A19" s="304"/>
      <c r="B19" s="312"/>
      <c r="C19" s="312"/>
      <c r="D19" s="312"/>
      <c r="E19" s="313"/>
      <c r="F19" s="314"/>
      <c r="G19" s="314"/>
      <c r="H19" s="315"/>
      <c r="I19" s="88"/>
    </row>
    <row r="20" spans="1:9" ht="38.25" customHeight="1" x14ac:dyDescent="0.2">
      <c r="A20" s="304"/>
      <c r="B20" s="316"/>
      <c r="C20" s="316"/>
      <c r="D20" s="316"/>
      <c r="E20" s="317"/>
      <c r="F20" s="318"/>
      <c r="G20" s="318"/>
      <c r="H20" s="319"/>
      <c r="I20" s="89"/>
    </row>
    <row r="21" spans="1:9" ht="38.25" customHeight="1" x14ac:dyDescent="0.2">
      <c r="A21" s="304"/>
      <c r="B21" s="316"/>
      <c r="C21" s="316"/>
      <c r="D21" s="316"/>
      <c r="E21" s="317"/>
      <c r="F21" s="318"/>
      <c r="G21" s="318"/>
      <c r="H21" s="319"/>
      <c r="I21" s="89"/>
    </row>
    <row r="22" spans="1:9" ht="38.25" customHeight="1" x14ac:dyDescent="0.2">
      <c r="A22" s="304"/>
      <c r="B22" s="320"/>
      <c r="C22" s="320"/>
      <c r="D22" s="320"/>
      <c r="E22" s="305"/>
      <c r="F22" s="306"/>
      <c r="G22" s="306"/>
      <c r="H22" s="307"/>
      <c r="I22" s="90"/>
    </row>
    <row r="37" s="83" customFormat="1" ht="18.75" customHeight="1" x14ac:dyDescent="0.2"/>
    <row r="38" s="83" customFormat="1" ht="18.75" customHeight="1" x14ac:dyDescent="0.2"/>
    <row r="39" s="83" customFormat="1" ht="18.75" customHeight="1" x14ac:dyDescent="0.2"/>
    <row r="40" s="83" customFormat="1" ht="18.75" customHeight="1" x14ac:dyDescent="0.2"/>
    <row r="41" s="83" customFormat="1" ht="18.75" customHeight="1" x14ac:dyDescent="0.2"/>
    <row r="42" s="83" customFormat="1" ht="18.75" customHeight="1" x14ac:dyDescent="0.2"/>
    <row r="43" s="83" customFormat="1" ht="18.75" customHeight="1" x14ac:dyDescent="0.2"/>
    <row r="44" s="83" customFormat="1" ht="18.75" customHeight="1" x14ac:dyDescent="0.2"/>
    <row r="45" s="83" customFormat="1" ht="18.75" customHeight="1" x14ac:dyDescent="0.2"/>
    <row r="46" s="83" customFormat="1" ht="18.75" customHeight="1" x14ac:dyDescent="0.2"/>
  </sheetData>
  <mergeCells count="42">
    <mergeCell ref="A2:I2"/>
    <mergeCell ref="A3:I3"/>
    <mergeCell ref="A5:B5"/>
    <mergeCell ref="C5:I5"/>
    <mergeCell ref="A6:B6"/>
    <mergeCell ref="C6:F6"/>
    <mergeCell ref="H6:I6"/>
    <mergeCell ref="B11:D11"/>
    <mergeCell ref="E11:I11"/>
    <mergeCell ref="B12:D12"/>
    <mergeCell ref="E12:I12"/>
    <mergeCell ref="B13:D13"/>
    <mergeCell ref="E13:I13"/>
    <mergeCell ref="B8:D8"/>
    <mergeCell ref="E8:I8"/>
    <mergeCell ref="B9:D9"/>
    <mergeCell ref="E9:I9"/>
    <mergeCell ref="B10:D10"/>
    <mergeCell ref="E10:I10"/>
    <mergeCell ref="E14:H14"/>
    <mergeCell ref="B15:D15"/>
    <mergeCell ref="E15:H15"/>
    <mergeCell ref="B17:D17"/>
    <mergeCell ref="E17:H17"/>
    <mergeCell ref="B16:D16"/>
    <mergeCell ref="E16:H16"/>
    <mergeCell ref="A7:B7"/>
    <mergeCell ref="C7:I7"/>
    <mergeCell ref="A8:A13"/>
    <mergeCell ref="A14:A17"/>
    <mergeCell ref="A18:A22"/>
    <mergeCell ref="E22:H22"/>
    <mergeCell ref="B18:D18"/>
    <mergeCell ref="E18:H18"/>
    <mergeCell ref="B19:D19"/>
    <mergeCell ref="E19:H19"/>
    <mergeCell ref="B20:D20"/>
    <mergeCell ref="E20:H20"/>
    <mergeCell ref="B21:D21"/>
    <mergeCell ref="E21:H21"/>
    <mergeCell ref="B22:D22"/>
    <mergeCell ref="B14:D14"/>
  </mergeCells>
  <phoneticPr fontId="1"/>
  <pageMargins left="0.83" right="0.2" top="0.59" bottom="0.56999999999999995" header="0.3" footer="0.3"/>
  <pageSetup paperSize="9" scale="92" orientation="portrait" horizontalDpi="300" verticalDpi="30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24"/>
  <sheetViews>
    <sheetView view="pageBreakPreview" zoomScale="60" zoomScaleNormal="100" workbookViewId="0">
      <selection activeCell="O22" sqref="O22"/>
    </sheetView>
  </sheetViews>
  <sheetFormatPr defaultColWidth="9" defaultRowHeight="16.5" customHeight="1" x14ac:dyDescent="0.2"/>
  <cols>
    <col min="1" max="1" width="4.5" style="77" customWidth="1"/>
    <col min="2" max="8" width="9.58203125" style="77" customWidth="1"/>
    <col min="9" max="9" width="6.5" style="77" customWidth="1"/>
    <col min="10" max="16384" width="9" style="77"/>
  </cols>
  <sheetData>
    <row r="2" spans="1:9" ht="16.5" customHeight="1" x14ac:dyDescent="0.2">
      <c r="A2" s="229"/>
      <c r="B2" s="229"/>
      <c r="C2" s="229"/>
      <c r="D2" s="229"/>
      <c r="E2" s="229"/>
      <c r="F2" s="229"/>
      <c r="G2" s="229"/>
      <c r="H2" s="229"/>
      <c r="I2" s="229"/>
    </row>
    <row r="3" spans="1:9" ht="19" x14ac:dyDescent="0.2">
      <c r="A3" s="335" t="s">
        <v>219</v>
      </c>
      <c r="B3" s="335"/>
      <c r="C3" s="335"/>
      <c r="D3" s="335"/>
      <c r="E3" s="335"/>
      <c r="F3" s="335"/>
      <c r="G3" s="335"/>
      <c r="H3" s="335"/>
      <c r="I3" s="335"/>
    </row>
    <row r="6" spans="1:9" ht="16.5" customHeight="1" x14ac:dyDescent="0.2">
      <c r="G6" s="229" t="s">
        <v>155</v>
      </c>
      <c r="H6" s="229"/>
      <c r="I6" s="229"/>
    </row>
    <row r="9" spans="1:9" ht="16.5" customHeight="1" x14ac:dyDescent="0.2">
      <c r="B9" s="91" t="s">
        <v>104</v>
      </c>
      <c r="C9" s="80"/>
      <c r="D9" s="80"/>
      <c r="E9" s="80"/>
      <c r="F9" s="80"/>
      <c r="G9" s="80"/>
      <c r="H9" s="80"/>
    </row>
    <row r="10" spans="1:9" ht="16.5" customHeight="1" x14ac:dyDescent="0.2">
      <c r="B10" s="198"/>
      <c r="C10" s="198"/>
      <c r="D10" s="198"/>
      <c r="E10" s="198"/>
      <c r="F10" s="198"/>
      <c r="G10" s="198"/>
      <c r="H10" s="198"/>
    </row>
    <row r="13" spans="1:9" ht="16.5" customHeight="1" x14ac:dyDescent="0.2">
      <c r="F13" s="77" t="s">
        <v>105</v>
      </c>
    </row>
    <row r="14" spans="1:9" ht="16.5" customHeight="1" x14ac:dyDescent="0.2">
      <c r="A14" s="80"/>
      <c r="B14" s="80"/>
      <c r="C14" s="80"/>
      <c r="D14" s="80"/>
      <c r="E14" s="80"/>
      <c r="F14" s="80"/>
      <c r="G14" s="80"/>
      <c r="H14" s="80"/>
      <c r="I14" s="80"/>
    </row>
    <row r="19" spans="1:9" ht="15" customHeight="1" x14ac:dyDescent="0.2">
      <c r="A19" s="336" t="s">
        <v>229</v>
      </c>
      <c r="B19" s="336"/>
      <c r="C19" s="336"/>
      <c r="D19" s="336"/>
      <c r="E19" s="336"/>
      <c r="F19" s="336"/>
      <c r="G19" s="336"/>
      <c r="H19" s="336"/>
      <c r="I19" s="336"/>
    </row>
    <row r="20" spans="1:9" ht="24.75" customHeight="1" x14ac:dyDescent="0.2">
      <c r="A20" s="336"/>
      <c r="B20" s="336"/>
      <c r="C20" s="336"/>
      <c r="D20" s="336"/>
      <c r="E20" s="336"/>
      <c r="F20" s="336"/>
      <c r="G20" s="336"/>
      <c r="H20" s="336"/>
      <c r="I20" s="336"/>
    </row>
    <row r="24" spans="1:9" ht="16.5" customHeight="1" x14ac:dyDescent="0.2">
      <c r="C24" s="77" t="s">
        <v>231</v>
      </c>
      <c r="D24" s="77" t="s">
        <v>232</v>
      </c>
      <c r="E24" s="77" t="s">
        <v>155</v>
      </c>
    </row>
  </sheetData>
  <mergeCells count="4">
    <mergeCell ref="A2:I2"/>
    <mergeCell ref="A3:I3"/>
    <mergeCell ref="G6:I6"/>
    <mergeCell ref="A19:I20"/>
  </mergeCells>
  <phoneticPr fontId="1"/>
  <pageMargins left="0.81" right="0.7" top="0.75" bottom="0.75" header="0.3" footer="0.3"/>
  <pageSetup paperSize="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56"/>
  <sheetViews>
    <sheetView view="pageBreakPreview" zoomScale="94" zoomScaleNormal="100" zoomScaleSheetLayoutView="94" workbookViewId="0">
      <selection activeCell="O22" sqref="O22"/>
    </sheetView>
  </sheetViews>
  <sheetFormatPr defaultColWidth="9" defaultRowHeight="18.75" customHeight="1" x14ac:dyDescent="0.2"/>
  <cols>
    <col min="1" max="2" width="4.58203125" style="82" customWidth="1"/>
    <col min="3" max="3" width="10.5" style="82" customWidth="1"/>
    <col min="4" max="4" width="2.08203125" style="82" customWidth="1"/>
    <col min="5" max="5" width="7.1640625" style="82" customWidth="1"/>
    <col min="6" max="6" width="11.08203125" style="82" customWidth="1"/>
    <col min="7" max="7" width="17.6640625" style="82" customWidth="1"/>
    <col min="8" max="8" width="11.1640625" style="82" customWidth="1"/>
    <col min="9" max="9" width="4.6640625" style="82" customWidth="1"/>
    <col min="10" max="10" width="16.5" style="82" customWidth="1"/>
    <col min="11" max="16384" width="9" style="82"/>
  </cols>
  <sheetData>
    <row r="1" spans="1:10" ht="22.5" customHeight="1" x14ac:dyDescent="0.2">
      <c r="A1" s="82" t="s">
        <v>223</v>
      </c>
    </row>
    <row r="2" spans="1:10" ht="23.25" customHeight="1" x14ac:dyDescent="0.2">
      <c r="A2" s="331" t="s">
        <v>106</v>
      </c>
      <c r="B2" s="331"/>
      <c r="C2" s="331"/>
      <c r="D2" s="331"/>
      <c r="E2" s="331"/>
      <c r="F2" s="331"/>
      <c r="G2" s="331"/>
      <c r="H2" s="331"/>
      <c r="I2" s="331"/>
      <c r="J2" s="331"/>
    </row>
    <row r="3" spans="1:10" ht="23.25" customHeight="1" x14ac:dyDescent="0.2">
      <c r="A3" s="332" t="s">
        <v>107</v>
      </c>
      <c r="B3" s="332"/>
      <c r="C3" s="332"/>
      <c r="D3" s="332"/>
      <c r="E3" s="332"/>
      <c r="F3" s="332"/>
      <c r="G3" s="332"/>
      <c r="H3" s="332"/>
      <c r="I3" s="332"/>
      <c r="J3" s="332"/>
    </row>
    <row r="4" spans="1:10" ht="5.25" customHeight="1" x14ac:dyDescent="0.2"/>
    <row r="5" spans="1:10" ht="24" customHeight="1" x14ac:dyDescent="0.2">
      <c r="A5" s="333" t="s">
        <v>108</v>
      </c>
      <c r="B5" s="333"/>
      <c r="C5" s="333"/>
      <c r="D5" s="308"/>
      <c r="E5" s="308"/>
      <c r="F5" s="308"/>
      <c r="G5" s="308"/>
      <c r="H5" s="308"/>
      <c r="I5" s="308"/>
      <c r="J5" s="308"/>
    </row>
    <row r="6" spans="1:10" ht="24" customHeight="1" x14ac:dyDescent="0.2">
      <c r="A6" s="333" t="s">
        <v>7</v>
      </c>
      <c r="B6" s="333"/>
      <c r="C6" s="333"/>
      <c r="D6" s="308"/>
      <c r="E6" s="308"/>
      <c r="F6" s="308"/>
      <c r="G6" s="308"/>
      <c r="H6" s="201" t="s">
        <v>120</v>
      </c>
      <c r="I6" s="308" t="s">
        <v>124</v>
      </c>
      <c r="J6" s="308"/>
    </row>
    <row r="7" spans="1:10" ht="24" customHeight="1" x14ac:dyDescent="0.2">
      <c r="A7" s="333" t="s">
        <v>109</v>
      </c>
      <c r="B7" s="333"/>
      <c r="C7" s="333"/>
      <c r="D7" s="308"/>
      <c r="E7" s="308"/>
      <c r="F7" s="308"/>
      <c r="G7" s="308"/>
      <c r="H7" s="201" t="s">
        <v>121</v>
      </c>
      <c r="I7" s="347" t="s">
        <v>125</v>
      </c>
      <c r="J7" s="348"/>
    </row>
    <row r="8" spans="1:10" ht="24" customHeight="1" x14ac:dyDescent="0.2">
      <c r="A8" s="333" t="s">
        <v>110</v>
      </c>
      <c r="B8" s="351"/>
      <c r="C8" s="351"/>
      <c r="D8" s="308"/>
      <c r="E8" s="308"/>
      <c r="F8" s="308"/>
      <c r="G8" s="308"/>
      <c r="H8" s="201" t="s">
        <v>119</v>
      </c>
      <c r="I8" s="349" t="s">
        <v>126</v>
      </c>
      <c r="J8" s="350"/>
    </row>
    <row r="9" spans="1:10" ht="24" customHeight="1" x14ac:dyDescent="0.2">
      <c r="A9" s="337" t="s">
        <v>113</v>
      </c>
      <c r="B9" s="333" t="s">
        <v>111</v>
      </c>
      <c r="C9" s="333"/>
      <c r="D9" s="572"/>
      <c r="E9" s="572"/>
      <c r="F9" s="572"/>
      <c r="G9" s="308"/>
      <c r="H9" s="308"/>
      <c r="I9" s="308"/>
      <c r="J9" s="308"/>
    </row>
    <row r="10" spans="1:10" ht="24" customHeight="1" x14ac:dyDescent="0.2">
      <c r="A10" s="337"/>
      <c r="B10" s="303" t="s">
        <v>114</v>
      </c>
      <c r="C10" s="324" t="s">
        <v>117</v>
      </c>
      <c r="D10" s="324"/>
      <c r="E10" s="324"/>
      <c r="F10" s="325" t="s">
        <v>127</v>
      </c>
      <c r="G10" s="326"/>
      <c r="H10" s="326"/>
      <c r="I10" s="326"/>
      <c r="J10" s="327"/>
    </row>
    <row r="11" spans="1:10" ht="24" customHeight="1" x14ac:dyDescent="0.2">
      <c r="A11" s="337"/>
      <c r="B11" s="304"/>
      <c r="C11" s="573" t="s">
        <v>531</v>
      </c>
      <c r="D11" s="573"/>
      <c r="E11" s="573"/>
      <c r="F11" s="574" t="s">
        <v>532</v>
      </c>
      <c r="G11" s="575"/>
      <c r="H11" s="575"/>
      <c r="I11" s="575"/>
      <c r="J11" s="576"/>
    </row>
    <row r="12" spans="1:10" ht="24" customHeight="1" x14ac:dyDescent="0.2">
      <c r="A12" s="337"/>
      <c r="B12" s="304"/>
      <c r="C12" s="577" t="s">
        <v>531</v>
      </c>
      <c r="D12" s="577"/>
      <c r="E12" s="577"/>
      <c r="F12" s="578" t="s">
        <v>533</v>
      </c>
      <c r="G12" s="579"/>
      <c r="H12" s="579"/>
      <c r="I12" s="579"/>
      <c r="J12" s="580"/>
    </row>
    <row r="13" spans="1:10" ht="24" customHeight="1" x14ac:dyDescent="0.2">
      <c r="A13" s="337"/>
      <c r="B13" s="304"/>
      <c r="C13" s="577" t="s">
        <v>531</v>
      </c>
      <c r="D13" s="577"/>
      <c r="E13" s="577"/>
      <c r="F13" s="578" t="s">
        <v>534</v>
      </c>
      <c r="G13" s="579"/>
      <c r="H13" s="579"/>
      <c r="I13" s="579"/>
      <c r="J13" s="580"/>
    </row>
    <row r="14" spans="1:10" ht="24" customHeight="1" x14ac:dyDescent="0.2">
      <c r="A14" s="337"/>
      <c r="B14" s="304"/>
      <c r="C14" s="577" t="s">
        <v>531</v>
      </c>
      <c r="D14" s="577"/>
      <c r="E14" s="577"/>
      <c r="F14" s="578" t="s">
        <v>535</v>
      </c>
      <c r="G14" s="579"/>
      <c r="H14" s="579"/>
      <c r="I14" s="579"/>
      <c r="J14" s="580"/>
    </row>
    <row r="15" spans="1:10" ht="24" customHeight="1" x14ac:dyDescent="0.2">
      <c r="A15" s="337"/>
      <c r="B15" s="304"/>
      <c r="C15" s="330"/>
      <c r="D15" s="330"/>
      <c r="E15" s="330"/>
      <c r="F15" s="305"/>
      <c r="G15" s="306"/>
      <c r="H15" s="306"/>
      <c r="I15" s="306"/>
      <c r="J15" s="307"/>
    </row>
    <row r="16" spans="1:10" ht="24" customHeight="1" x14ac:dyDescent="0.2">
      <c r="A16" s="337"/>
      <c r="B16" s="304" t="s">
        <v>115</v>
      </c>
      <c r="C16" s="308" t="s">
        <v>118</v>
      </c>
      <c r="D16" s="308"/>
      <c r="E16" s="308"/>
      <c r="F16" s="321" t="s">
        <v>122</v>
      </c>
      <c r="G16" s="322"/>
      <c r="H16" s="322"/>
      <c r="I16" s="323"/>
      <c r="J16" s="201" t="s">
        <v>128</v>
      </c>
    </row>
    <row r="17" spans="1:10" ht="37.5" customHeight="1" x14ac:dyDescent="0.2">
      <c r="A17" s="337"/>
      <c r="B17" s="304"/>
      <c r="C17" s="581" t="s">
        <v>536</v>
      </c>
      <c r="D17" s="581"/>
      <c r="E17" s="581"/>
      <c r="F17" s="574" t="s">
        <v>537</v>
      </c>
      <c r="G17" s="575"/>
      <c r="H17" s="575"/>
      <c r="I17" s="576"/>
      <c r="J17" s="582" t="s">
        <v>538</v>
      </c>
    </row>
    <row r="18" spans="1:10" ht="37.5" customHeight="1" x14ac:dyDescent="0.2">
      <c r="A18" s="337"/>
      <c r="B18" s="304"/>
      <c r="C18" s="583" t="s">
        <v>539</v>
      </c>
      <c r="D18" s="583"/>
      <c r="E18" s="583"/>
      <c r="F18" s="578" t="s">
        <v>540</v>
      </c>
      <c r="G18" s="579"/>
      <c r="H18" s="579"/>
      <c r="I18" s="580"/>
      <c r="J18" s="584" t="s">
        <v>541</v>
      </c>
    </row>
    <row r="19" spans="1:10" ht="37.5" customHeight="1" x14ac:dyDescent="0.2">
      <c r="A19" s="337"/>
      <c r="B19" s="304"/>
      <c r="C19" s="585" t="s">
        <v>542</v>
      </c>
      <c r="D19" s="585"/>
      <c r="E19" s="585"/>
      <c r="F19" s="586" t="s">
        <v>543</v>
      </c>
      <c r="G19" s="587"/>
      <c r="H19" s="587"/>
      <c r="I19" s="588"/>
      <c r="J19" s="589" t="s">
        <v>541</v>
      </c>
    </row>
    <row r="20" spans="1:10" ht="24.75" customHeight="1" x14ac:dyDescent="0.2">
      <c r="A20" s="337"/>
      <c r="B20" s="304" t="s">
        <v>116</v>
      </c>
      <c r="C20" s="308" t="s">
        <v>118</v>
      </c>
      <c r="D20" s="308"/>
      <c r="E20" s="308"/>
      <c r="F20" s="309" t="s">
        <v>123</v>
      </c>
      <c r="G20" s="310"/>
      <c r="H20" s="310"/>
      <c r="I20" s="311"/>
      <c r="J20" s="201" t="s">
        <v>129</v>
      </c>
    </row>
    <row r="21" spans="1:10" ht="38.25" customHeight="1" x14ac:dyDescent="0.2">
      <c r="A21" s="337"/>
      <c r="B21" s="304"/>
      <c r="C21" s="581" t="s">
        <v>544</v>
      </c>
      <c r="D21" s="581"/>
      <c r="E21" s="581"/>
      <c r="F21" s="574" t="s">
        <v>545</v>
      </c>
      <c r="G21" s="575"/>
      <c r="H21" s="575"/>
      <c r="I21" s="576"/>
      <c r="J21" s="590" t="s">
        <v>602</v>
      </c>
    </row>
    <row r="22" spans="1:10" ht="38.25" customHeight="1" x14ac:dyDescent="0.2">
      <c r="A22" s="337"/>
      <c r="B22" s="304"/>
      <c r="C22" s="583" t="s">
        <v>547</v>
      </c>
      <c r="D22" s="583"/>
      <c r="E22" s="583"/>
      <c r="F22" s="578" t="s">
        <v>548</v>
      </c>
      <c r="G22" s="579"/>
      <c r="H22" s="579"/>
      <c r="I22" s="580"/>
      <c r="J22" s="591" t="s">
        <v>546</v>
      </c>
    </row>
    <row r="23" spans="1:10" ht="38.25" customHeight="1" x14ac:dyDescent="0.2">
      <c r="A23" s="337"/>
      <c r="B23" s="304"/>
      <c r="C23" s="583" t="s">
        <v>549</v>
      </c>
      <c r="D23" s="583"/>
      <c r="E23" s="583"/>
      <c r="F23" s="578" t="s">
        <v>550</v>
      </c>
      <c r="G23" s="579"/>
      <c r="H23" s="579"/>
      <c r="I23" s="580"/>
      <c r="J23" s="591" t="s">
        <v>546</v>
      </c>
    </row>
    <row r="24" spans="1:10" ht="38.25" customHeight="1" x14ac:dyDescent="0.2">
      <c r="A24" s="337"/>
      <c r="B24" s="304"/>
      <c r="C24" s="320"/>
      <c r="D24" s="320"/>
      <c r="E24" s="320"/>
      <c r="F24" s="305"/>
      <c r="G24" s="306"/>
      <c r="H24" s="306"/>
      <c r="I24" s="307"/>
      <c r="J24" s="90"/>
    </row>
    <row r="25" spans="1:10" ht="23.25" customHeight="1" x14ac:dyDescent="0.2">
      <c r="A25" s="339" t="s">
        <v>608</v>
      </c>
      <c r="B25" s="340"/>
      <c r="C25" s="341"/>
      <c r="D25" s="342"/>
      <c r="E25" s="338" t="s">
        <v>112</v>
      </c>
      <c r="F25" s="338"/>
      <c r="G25" s="338"/>
      <c r="H25" s="338"/>
      <c r="I25" s="338"/>
      <c r="J25" s="201" t="s">
        <v>128</v>
      </c>
    </row>
    <row r="26" spans="1:10" ht="18.75" customHeight="1" x14ac:dyDescent="0.2">
      <c r="A26" s="343"/>
      <c r="B26" s="341"/>
      <c r="C26" s="341"/>
      <c r="D26" s="342"/>
      <c r="E26" s="592" t="s">
        <v>551</v>
      </c>
      <c r="F26" s="593"/>
      <c r="G26" s="593"/>
      <c r="H26" s="593"/>
      <c r="I26" s="594"/>
      <c r="J26" s="595" t="s">
        <v>552</v>
      </c>
    </row>
    <row r="27" spans="1:10" ht="18.75" customHeight="1" x14ac:dyDescent="0.2">
      <c r="A27" s="343"/>
      <c r="B27" s="341"/>
      <c r="C27" s="341"/>
      <c r="D27" s="342"/>
      <c r="E27" s="596"/>
      <c r="F27" s="597"/>
      <c r="G27" s="597"/>
      <c r="H27" s="597"/>
      <c r="I27" s="598"/>
      <c r="J27" s="599"/>
    </row>
    <row r="28" spans="1:10" ht="18.75" customHeight="1" x14ac:dyDescent="0.2">
      <c r="A28" s="343"/>
      <c r="B28" s="341"/>
      <c r="C28" s="341"/>
      <c r="D28" s="342"/>
      <c r="E28" s="596"/>
      <c r="F28" s="597"/>
      <c r="G28" s="597"/>
      <c r="H28" s="597"/>
      <c r="I28" s="598"/>
      <c r="J28" s="599"/>
    </row>
    <row r="29" spans="1:10" ht="18.75" customHeight="1" x14ac:dyDescent="0.2">
      <c r="A29" s="343"/>
      <c r="B29" s="341"/>
      <c r="C29" s="341"/>
      <c r="D29" s="342"/>
      <c r="E29" s="596"/>
      <c r="F29" s="597"/>
      <c r="G29" s="597"/>
      <c r="H29" s="597"/>
      <c r="I29" s="598"/>
      <c r="J29" s="599"/>
    </row>
    <row r="30" spans="1:10" ht="18.75" customHeight="1" x14ac:dyDescent="0.2">
      <c r="A30" s="343"/>
      <c r="B30" s="341"/>
      <c r="C30" s="341"/>
      <c r="D30" s="342"/>
      <c r="E30" s="596"/>
      <c r="F30" s="597"/>
      <c r="G30" s="597"/>
      <c r="H30" s="597"/>
      <c r="I30" s="598"/>
      <c r="J30" s="599"/>
    </row>
    <row r="31" spans="1:10" ht="18.75" customHeight="1" x14ac:dyDescent="0.2">
      <c r="A31" s="344"/>
      <c r="B31" s="345"/>
      <c r="C31" s="345"/>
      <c r="D31" s="346"/>
      <c r="E31" s="600"/>
      <c r="F31" s="601"/>
      <c r="G31" s="601"/>
      <c r="H31" s="601"/>
      <c r="I31" s="602"/>
      <c r="J31" s="599"/>
    </row>
    <row r="32" spans="1:10" ht="24.75" customHeight="1" x14ac:dyDescent="0.2">
      <c r="A32" s="82" t="s">
        <v>130</v>
      </c>
    </row>
    <row r="47" s="83" customFormat="1" ht="18.75" customHeight="1" x14ac:dyDescent="0.2"/>
    <row r="48" s="83" customFormat="1" ht="18.75" customHeight="1" x14ac:dyDescent="0.2"/>
    <row r="49" s="83" customFormat="1" ht="18.75" customHeight="1" x14ac:dyDescent="0.2"/>
    <row r="50" s="83" customFormat="1" ht="18.75" customHeight="1" x14ac:dyDescent="0.2"/>
    <row r="51" s="83" customFormat="1" ht="18.75" customHeight="1" x14ac:dyDescent="0.2"/>
    <row r="52" s="83" customFormat="1" ht="18.75" customHeight="1" x14ac:dyDescent="0.2"/>
    <row r="53" s="83" customFormat="1" ht="18.75" customHeight="1" x14ac:dyDescent="0.2"/>
    <row r="54" s="83" customFormat="1" ht="18.75" customHeight="1" x14ac:dyDescent="0.2"/>
    <row r="55" s="83" customFormat="1" ht="18.75" customHeight="1" x14ac:dyDescent="0.2"/>
    <row r="56" s="83" customFormat="1" ht="18.75" customHeight="1" x14ac:dyDescent="0.2"/>
  </sheetData>
  <mergeCells count="53">
    <mergeCell ref="D5:J5"/>
    <mergeCell ref="G9:J9"/>
    <mergeCell ref="A3:J3"/>
    <mergeCell ref="A2:J2"/>
    <mergeCell ref="F10:J10"/>
    <mergeCell ref="I6:J6"/>
    <mergeCell ref="D8:G8"/>
    <mergeCell ref="I7:J7"/>
    <mergeCell ref="I8:J8"/>
    <mergeCell ref="D7:G7"/>
    <mergeCell ref="C10:E10"/>
    <mergeCell ref="A5:C5"/>
    <mergeCell ref="A6:C6"/>
    <mergeCell ref="A7:C7"/>
    <mergeCell ref="A8:C8"/>
    <mergeCell ref="D6:G6"/>
    <mergeCell ref="C21:E21"/>
    <mergeCell ref="C22:E22"/>
    <mergeCell ref="C23:E23"/>
    <mergeCell ref="J26:J31"/>
    <mergeCell ref="F11:J11"/>
    <mergeCell ref="F23:I23"/>
    <mergeCell ref="F24:I24"/>
    <mergeCell ref="E25:I25"/>
    <mergeCell ref="F12:J12"/>
    <mergeCell ref="F13:J13"/>
    <mergeCell ref="F14:J14"/>
    <mergeCell ref="F18:I18"/>
    <mergeCell ref="A25:D31"/>
    <mergeCell ref="C16:E16"/>
    <mergeCell ref="C20:E20"/>
    <mergeCell ref="C11:E11"/>
    <mergeCell ref="C12:E12"/>
    <mergeCell ref="C13:E13"/>
    <mergeCell ref="C14:E14"/>
    <mergeCell ref="C15:E15"/>
    <mergeCell ref="C17:E17"/>
    <mergeCell ref="C24:E24"/>
    <mergeCell ref="A9:A24"/>
    <mergeCell ref="B10:B15"/>
    <mergeCell ref="E26:I31"/>
    <mergeCell ref="F15:J15"/>
    <mergeCell ref="B16:B19"/>
    <mergeCell ref="B20:B24"/>
    <mergeCell ref="C18:E18"/>
    <mergeCell ref="C19:E19"/>
    <mergeCell ref="B9:F9"/>
    <mergeCell ref="F19:I19"/>
    <mergeCell ref="F20:I20"/>
    <mergeCell ref="F21:I21"/>
    <mergeCell ref="F22:I22"/>
    <mergeCell ref="F16:I16"/>
    <mergeCell ref="F17:I17"/>
  </mergeCells>
  <phoneticPr fontId="1"/>
  <pageMargins left="0.83" right="0.2" top="0.59" bottom="0.56999999999999995" header="0.3" footer="0.3"/>
  <pageSetup paperSize="9" scale="92" orientation="portrait" horizontalDpi="300" verticalDpi="300"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28"/>
  <sheetViews>
    <sheetView view="pageBreakPreview" zoomScale="77" zoomScaleNormal="100" zoomScaleSheetLayoutView="77" workbookViewId="0">
      <selection activeCell="J22" sqref="J22"/>
    </sheetView>
  </sheetViews>
  <sheetFormatPr defaultColWidth="9" defaultRowHeight="16.5" customHeight="1" x14ac:dyDescent="0.2"/>
  <cols>
    <col min="1" max="1" width="4.5" style="77" customWidth="1"/>
    <col min="2" max="8" width="9.58203125" style="77" customWidth="1"/>
    <col min="9" max="9" width="6.5" style="77" customWidth="1"/>
    <col min="10" max="16384" width="9" style="77"/>
  </cols>
  <sheetData>
    <row r="2" spans="1:9" ht="16.5" customHeight="1" x14ac:dyDescent="0.2">
      <c r="A2" s="229"/>
      <c r="B2" s="229"/>
      <c r="C2" s="229"/>
      <c r="D2" s="229"/>
      <c r="E2" s="229"/>
      <c r="F2" s="229"/>
      <c r="G2" s="229"/>
      <c r="H2" s="229"/>
      <c r="I2" s="229"/>
    </row>
    <row r="3" spans="1:9" ht="19" x14ac:dyDescent="0.2">
      <c r="A3" s="352" t="s">
        <v>131</v>
      </c>
      <c r="B3" s="352"/>
      <c r="C3" s="352"/>
      <c r="D3" s="352"/>
      <c r="E3" s="352"/>
      <c r="F3" s="352"/>
      <c r="G3" s="352"/>
      <c r="H3" s="352"/>
      <c r="I3" s="352"/>
    </row>
    <row r="6" spans="1:9" ht="16.5" customHeight="1" x14ac:dyDescent="0.2">
      <c r="G6" s="229" t="s">
        <v>155</v>
      </c>
      <c r="H6" s="229"/>
      <c r="I6" s="229"/>
    </row>
    <row r="9" spans="1:9" ht="16.5" customHeight="1" x14ac:dyDescent="0.2">
      <c r="B9" s="91" t="s">
        <v>104</v>
      </c>
      <c r="C9" s="80"/>
      <c r="D9" s="80"/>
      <c r="E9" s="80"/>
      <c r="F9" s="80"/>
      <c r="G9" s="80"/>
      <c r="H9" s="80"/>
    </row>
    <row r="10" spans="1:9" ht="16.5" customHeight="1" x14ac:dyDescent="0.2">
      <c r="B10" s="79"/>
      <c r="C10" s="79"/>
      <c r="D10" s="79"/>
      <c r="E10" s="79"/>
      <c r="F10" s="79"/>
      <c r="G10" s="79"/>
      <c r="H10" s="79"/>
    </row>
    <row r="13" spans="1:9" ht="16.5" customHeight="1" x14ac:dyDescent="0.2">
      <c r="F13" s="77" t="s">
        <v>105</v>
      </c>
    </row>
    <row r="14" spans="1:9" ht="16.5" customHeight="1" x14ac:dyDescent="0.2">
      <c r="A14" s="80"/>
      <c r="B14" s="80"/>
      <c r="C14" s="80"/>
      <c r="D14" s="80"/>
      <c r="E14" s="80"/>
      <c r="F14" s="80"/>
      <c r="G14" s="80"/>
      <c r="H14" s="80"/>
      <c r="I14" s="80"/>
    </row>
    <row r="19" spans="1:9" ht="24.75" customHeight="1" x14ac:dyDescent="0.2">
      <c r="A19" s="336" t="s">
        <v>515</v>
      </c>
      <c r="B19" s="336"/>
      <c r="C19" s="336"/>
      <c r="D19" s="336"/>
      <c r="E19" s="336"/>
      <c r="F19" s="336"/>
      <c r="G19" s="336"/>
      <c r="H19" s="336"/>
      <c r="I19" s="336"/>
    </row>
    <row r="20" spans="1:9" ht="24.75" customHeight="1" x14ac:dyDescent="0.2">
      <c r="A20" s="336"/>
      <c r="B20" s="336"/>
      <c r="C20" s="336"/>
      <c r="D20" s="336"/>
      <c r="E20" s="336"/>
      <c r="F20" s="336"/>
      <c r="G20" s="336"/>
      <c r="H20" s="336"/>
      <c r="I20" s="336"/>
    </row>
    <row r="21" spans="1:9" ht="24.75" customHeight="1" x14ac:dyDescent="0.2">
      <c r="A21" s="81"/>
      <c r="B21" s="81"/>
      <c r="C21" s="81"/>
      <c r="D21" s="81"/>
      <c r="E21" s="81"/>
      <c r="F21" s="81"/>
      <c r="G21" s="81"/>
      <c r="H21" s="81"/>
      <c r="I21" s="81"/>
    </row>
    <row r="23" spans="1:9" ht="16.5" customHeight="1" x14ac:dyDescent="0.2">
      <c r="A23" s="230" t="s">
        <v>132</v>
      </c>
      <c r="B23" s="230"/>
      <c r="C23" s="230"/>
      <c r="D23" s="230"/>
      <c r="E23" s="230"/>
      <c r="F23" s="230"/>
      <c r="G23" s="230"/>
      <c r="H23" s="230"/>
      <c r="I23" s="230"/>
    </row>
    <row r="24" spans="1:9" ht="16.5" customHeight="1" x14ac:dyDescent="0.2">
      <c r="A24" s="78"/>
      <c r="B24" s="78"/>
      <c r="C24" s="78"/>
      <c r="D24" s="78"/>
      <c r="E24" s="78"/>
      <c r="F24" s="78"/>
      <c r="G24" s="78"/>
      <c r="H24" s="78"/>
      <c r="I24" s="78"/>
    </row>
    <row r="26" spans="1:9" ht="16.5" customHeight="1" x14ac:dyDescent="0.2">
      <c r="C26" s="77" t="s">
        <v>133</v>
      </c>
    </row>
    <row r="28" spans="1:9" ht="16.5" customHeight="1" x14ac:dyDescent="0.2">
      <c r="C28" s="77" t="s">
        <v>134</v>
      </c>
      <c r="E28" s="77" t="s">
        <v>155</v>
      </c>
    </row>
  </sheetData>
  <mergeCells count="5">
    <mergeCell ref="A2:I2"/>
    <mergeCell ref="A3:I3"/>
    <mergeCell ref="G6:I6"/>
    <mergeCell ref="A19:I20"/>
    <mergeCell ref="A23:I23"/>
  </mergeCells>
  <phoneticPr fontId="1"/>
  <pageMargins left="0.85" right="0.7" top="0.75" bottom="0.75" header="0.3" footer="0.3"/>
  <pageSetup paperSize="9" orientation="portrait" horizontalDpi="300" verticalDpi="300"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153"/>
  <sheetViews>
    <sheetView view="pageBreakPreview" zoomScale="81" zoomScaleNormal="90" zoomScaleSheetLayoutView="81" workbookViewId="0">
      <selection activeCell="G6" sqref="G6:I6"/>
    </sheetView>
  </sheetViews>
  <sheetFormatPr defaultColWidth="9" defaultRowHeight="12" x14ac:dyDescent="0.2"/>
  <cols>
    <col min="1" max="1" width="5.58203125" style="92" customWidth="1"/>
    <col min="2" max="2" width="13.83203125" style="92" bestFit="1" customWidth="1"/>
    <col min="3" max="3" width="6.08203125" style="92" customWidth="1"/>
    <col min="4" max="4" width="7.5" style="92" bestFit="1" customWidth="1"/>
    <col min="5" max="5" width="23.6640625" style="92" customWidth="1"/>
    <col min="6" max="6" width="6.08203125" style="92" customWidth="1"/>
    <col min="7" max="9" width="5.5" style="92" customWidth="1"/>
    <col min="10" max="10" width="22.6640625" style="92" customWidth="1"/>
    <col min="11" max="14" width="5.5" style="92" customWidth="1"/>
    <col min="15" max="15" width="35.5" style="92" customWidth="1"/>
    <col min="16" max="16384" width="9" style="92"/>
  </cols>
  <sheetData>
    <row r="1" spans="1:15" s="77" customFormat="1" ht="16.5" customHeight="1" x14ac:dyDescent="0.2"/>
    <row r="2" spans="1:15" ht="16.5" x14ac:dyDescent="0.25">
      <c r="A2" s="390" t="s">
        <v>334</v>
      </c>
      <c r="B2" s="390"/>
      <c r="C2" s="390"/>
      <c r="D2" s="390"/>
      <c r="E2" s="390"/>
      <c r="F2" s="390"/>
      <c r="G2" s="390"/>
      <c r="H2" s="390"/>
      <c r="I2" s="390"/>
      <c r="J2" s="390"/>
      <c r="K2" s="390"/>
      <c r="L2" s="390"/>
      <c r="M2" s="390"/>
      <c r="N2" s="390"/>
      <c r="O2" s="390"/>
    </row>
    <row r="3" spans="1:15" ht="9" customHeight="1" x14ac:dyDescent="0.2"/>
    <row r="4" spans="1:15" ht="20.149999999999999" customHeight="1" x14ac:dyDescent="0.2">
      <c r="A4" s="391" t="s">
        <v>38</v>
      </c>
      <c r="B4" s="391"/>
      <c r="C4" s="208"/>
      <c r="D4" s="208"/>
      <c r="E4" s="208"/>
      <c r="F4" s="208"/>
      <c r="G4" s="208"/>
      <c r="H4" s="208"/>
      <c r="I4" s="208"/>
      <c r="J4" s="208"/>
      <c r="K4" s="208"/>
      <c r="L4" s="208"/>
      <c r="M4" s="208"/>
      <c r="N4" s="208"/>
      <c r="O4" s="208"/>
    </row>
    <row r="5" spans="1:15" ht="20.149999999999999" customHeight="1" x14ac:dyDescent="0.2">
      <c r="A5" s="379" t="s">
        <v>24</v>
      </c>
      <c r="B5" s="380"/>
      <c r="C5" s="380"/>
      <c r="D5" s="381"/>
      <c r="E5" s="384" t="s">
        <v>609</v>
      </c>
      <c r="F5" s="384"/>
      <c r="G5" s="384"/>
      <c r="H5" s="384"/>
      <c r="I5" s="385"/>
      <c r="J5" s="361" t="s">
        <v>610</v>
      </c>
      <c r="K5" s="361"/>
      <c r="L5" s="361"/>
      <c r="M5" s="361"/>
      <c r="N5" s="362"/>
      <c r="O5" s="206" t="s">
        <v>49</v>
      </c>
    </row>
    <row r="6" spans="1:15" ht="20.149999999999999" customHeight="1" x14ac:dyDescent="0.2">
      <c r="A6" s="368" t="s">
        <v>11</v>
      </c>
      <c r="B6" s="368" t="s">
        <v>25</v>
      </c>
      <c r="C6" s="206" t="s">
        <v>50</v>
      </c>
      <c r="D6" s="368" t="s">
        <v>12</v>
      </c>
      <c r="E6" s="359" t="s">
        <v>172</v>
      </c>
      <c r="F6" s="206" t="s">
        <v>50</v>
      </c>
      <c r="G6" s="353" t="s">
        <v>52</v>
      </c>
      <c r="H6" s="353"/>
      <c r="I6" s="353"/>
      <c r="J6" s="359" t="s">
        <v>172</v>
      </c>
      <c r="K6" s="206" t="s">
        <v>50</v>
      </c>
      <c r="L6" s="353" t="s">
        <v>52</v>
      </c>
      <c r="M6" s="353"/>
      <c r="N6" s="353"/>
      <c r="O6" s="93" t="s">
        <v>53</v>
      </c>
    </row>
    <row r="7" spans="1:15" ht="20.149999999999999" customHeight="1" x14ac:dyDescent="0.2">
      <c r="A7" s="369"/>
      <c r="B7" s="369"/>
      <c r="C7" s="207" t="s">
        <v>54</v>
      </c>
      <c r="D7" s="369"/>
      <c r="E7" s="360"/>
      <c r="F7" s="207" t="s">
        <v>51</v>
      </c>
      <c r="G7" s="209" t="s">
        <v>13</v>
      </c>
      <c r="H7" s="209" t="s">
        <v>14</v>
      </c>
      <c r="I7" s="209" t="s">
        <v>15</v>
      </c>
      <c r="J7" s="360"/>
      <c r="K7" s="207" t="s">
        <v>51</v>
      </c>
      <c r="L7" s="209" t="s">
        <v>13</v>
      </c>
      <c r="M7" s="209" t="s">
        <v>14</v>
      </c>
      <c r="N7" s="209" t="s">
        <v>15</v>
      </c>
      <c r="O7" s="207" t="s">
        <v>175</v>
      </c>
    </row>
    <row r="8" spans="1:15" s="212" customFormat="1" ht="20.149999999999999" customHeight="1" x14ac:dyDescent="0.2">
      <c r="A8" s="392" t="s">
        <v>65</v>
      </c>
      <c r="B8" s="94"/>
      <c r="C8" s="94"/>
      <c r="E8" s="95"/>
      <c r="F8" s="209"/>
      <c r="G8" s="95"/>
      <c r="H8" s="209"/>
      <c r="I8" s="209"/>
      <c r="J8" s="95"/>
      <c r="K8" s="209"/>
      <c r="L8" s="95"/>
      <c r="M8" s="209"/>
      <c r="N8" s="209"/>
      <c r="O8" s="96"/>
    </row>
    <row r="9" spans="1:15" s="212" customFormat="1" ht="20.149999999999999" customHeight="1" x14ac:dyDescent="0.2">
      <c r="A9" s="393"/>
      <c r="B9" s="94"/>
      <c r="C9" s="94"/>
      <c r="E9" s="95"/>
      <c r="F9" s="209"/>
      <c r="G9" s="95"/>
      <c r="H9" s="209"/>
      <c r="I9" s="209"/>
      <c r="J9" s="95"/>
      <c r="K9" s="209"/>
      <c r="L9" s="95"/>
      <c r="M9" s="209"/>
      <c r="N9" s="209"/>
      <c r="O9" s="96"/>
    </row>
    <row r="10" spans="1:15" s="212" customFormat="1" ht="20.149999999999999" customHeight="1" x14ac:dyDescent="0.2">
      <c r="A10" s="393"/>
      <c r="B10" s="94"/>
      <c r="C10" s="94"/>
      <c r="E10" s="95"/>
      <c r="F10" s="209"/>
      <c r="G10" s="95"/>
      <c r="H10" s="209"/>
      <c r="I10" s="209"/>
      <c r="J10" s="95"/>
      <c r="K10" s="209"/>
      <c r="L10" s="95"/>
      <c r="M10" s="209"/>
      <c r="N10" s="209"/>
      <c r="O10" s="96"/>
    </row>
    <row r="11" spans="1:15" s="212" customFormat="1" ht="20.149999999999999" customHeight="1" x14ac:dyDescent="0.2">
      <c r="A11" s="393"/>
      <c r="B11" s="94"/>
      <c r="C11" s="94"/>
      <c r="E11" s="95"/>
      <c r="F11" s="209"/>
      <c r="G11" s="95"/>
      <c r="H11" s="209"/>
      <c r="I11" s="209"/>
      <c r="J11" s="95"/>
      <c r="K11" s="209"/>
      <c r="L11" s="95"/>
      <c r="M11" s="209"/>
      <c r="N11" s="209"/>
      <c r="O11" s="96"/>
    </row>
    <row r="12" spans="1:15" s="212" customFormat="1" ht="20.149999999999999" customHeight="1" x14ac:dyDescent="0.2">
      <c r="A12" s="393"/>
      <c r="B12" s="94"/>
      <c r="C12" s="94"/>
      <c r="E12" s="95"/>
      <c r="F12" s="209"/>
      <c r="G12" s="95"/>
      <c r="H12" s="209"/>
      <c r="I12" s="209"/>
      <c r="J12" s="95"/>
      <c r="K12" s="209"/>
      <c r="L12" s="95"/>
      <c r="M12" s="209"/>
      <c r="N12" s="209"/>
      <c r="O12" s="96"/>
    </row>
    <row r="13" spans="1:15" s="212" customFormat="1" ht="20.149999999999999" customHeight="1" x14ac:dyDescent="0.2">
      <c r="A13" s="393"/>
      <c r="B13" s="94"/>
      <c r="C13" s="94"/>
      <c r="E13" s="95"/>
      <c r="F13" s="209"/>
      <c r="G13" s="95"/>
      <c r="H13" s="209"/>
      <c r="I13" s="209"/>
      <c r="J13" s="95"/>
      <c r="K13" s="209"/>
      <c r="L13" s="95"/>
      <c r="M13" s="209"/>
      <c r="N13" s="209"/>
      <c r="O13" s="96"/>
    </row>
    <row r="14" spans="1:15" s="212" customFormat="1" ht="20.149999999999999" customHeight="1" x14ac:dyDescent="0.2">
      <c r="A14" s="393"/>
      <c r="B14" s="93" t="s">
        <v>28</v>
      </c>
      <c r="C14" s="93" t="s">
        <v>30</v>
      </c>
      <c r="D14" s="97" t="s">
        <v>31</v>
      </c>
      <c r="E14" s="95"/>
      <c r="F14" s="209"/>
      <c r="G14" s="95"/>
      <c r="H14" s="209"/>
      <c r="I14" s="209"/>
      <c r="J14" s="95"/>
      <c r="K14" s="209"/>
      <c r="L14" s="95"/>
      <c r="M14" s="209"/>
      <c r="N14" s="209"/>
      <c r="O14" s="96"/>
    </row>
    <row r="15" spans="1:15" s="212" customFormat="1" ht="20.149999999999999" customHeight="1" x14ac:dyDescent="0.2">
      <c r="A15" s="393"/>
      <c r="B15" s="93" t="s">
        <v>29</v>
      </c>
      <c r="C15" s="94"/>
      <c r="E15" s="95"/>
      <c r="F15" s="209"/>
      <c r="G15" s="95"/>
      <c r="H15" s="209"/>
      <c r="I15" s="209"/>
      <c r="J15" s="95"/>
      <c r="K15" s="209"/>
      <c r="L15" s="95"/>
      <c r="M15" s="209"/>
      <c r="N15" s="209"/>
      <c r="O15" s="96"/>
    </row>
    <row r="16" spans="1:15" s="212" customFormat="1" ht="20.149999999999999" customHeight="1" x14ac:dyDescent="0.2">
      <c r="A16" s="393"/>
      <c r="B16" s="94"/>
      <c r="C16" s="94"/>
      <c r="E16" s="95"/>
      <c r="F16" s="209"/>
      <c r="G16" s="95"/>
      <c r="H16" s="209"/>
      <c r="I16" s="209"/>
      <c r="J16" s="95"/>
      <c r="K16" s="209"/>
      <c r="L16" s="95"/>
      <c r="M16" s="209"/>
      <c r="N16" s="209"/>
      <c r="O16" s="96"/>
    </row>
    <row r="17" spans="1:15" s="212" customFormat="1" ht="20.149999999999999" customHeight="1" x14ac:dyDescent="0.2">
      <c r="A17" s="393"/>
      <c r="B17" s="94"/>
      <c r="C17" s="94"/>
      <c r="E17" s="95"/>
      <c r="F17" s="209"/>
      <c r="G17" s="95"/>
      <c r="H17" s="209"/>
      <c r="I17" s="209"/>
      <c r="J17" s="95"/>
      <c r="K17" s="209"/>
      <c r="L17" s="95"/>
      <c r="M17" s="209"/>
      <c r="N17" s="209"/>
      <c r="O17" s="96"/>
    </row>
    <row r="18" spans="1:15" s="212" customFormat="1" ht="20.149999999999999" customHeight="1" x14ac:dyDescent="0.2">
      <c r="A18" s="393"/>
      <c r="B18" s="94"/>
      <c r="C18" s="94"/>
      <c r="E18" s="95"/>
      <c r="F18" s="209"/>
      <c r="G18" s="95"/>
      <c r="H18" s="209"/>
      <c r="I18" s="209"/>
      <c r="J18" s="95"/>
      <c r="K18" s="209"/>
      <c r="L18" s="95"/>
      <c r="M18" s="209"/>
      <c r="N18" s="209"/>
      <c r="O18" s="96"/>
    </row>
    <row r="19" spans="1:15" s="212" customFormat="1" ht="20.149999999999999" customHeight="1" x14ac:dyDescent="0.2">
      <c r="A19" s="393"/>
      <c r="B19" s="94"/>
      <c r="C19" s="94"/>
      <c r="E19" s="95"/>
      <c r="F19" s="209"/>
      <c r="G19" s="95"/>
      <c r="H19" s="209"/>
      <c r="I19" s="209"/>
      <c r="J19" s="95"/>
      <c r="K19" s="209"/>
      <c r="L19" s="95"/>
      <c r="M19" s="209"/>
      <c r="N19" s="209"/>
      <c r="O19" s="96"/>
    </row>
    <row r="20" spans="1:15" s="212" customFormat="1" ht="20.149999999999999" customHeight="1" x14ac:dyDescent="0.2">
      <c r="A20" s="393"/>
      <c r="C20" s="94"/>
      <c r="E20" s="95"/>
      <c r="F20" s="209"/>
      <c r="G20" s="95"/>
      <c r="H20" s="209"/>
      <c r="I20" s="209"/>
      <c r="J20" s="95"/>
      <c r="K20" s="209"/>
      <c r="L20" s="95"/>
      <c r="M20" s="209"/>
      <c r="N20" s="209"/>
      <c r="O20" s="96"/>
    </row>
    <row r="21" spans="1:15" s="212" customFormat="1" ht="20.149999999999999" customHeight="1" x14ac:dyDescent="0.2">
      <c r="A21" s="393"/>
      <c r="C21" s="98"/>
      <c r="D21" s="99"/>
      <c r="E21" s="95"/>
      <c r="F21" s="209"/>
      <c r="G21" s="95"/>
      <c r="H21" s="209"/>
      <c r="I21" s="209"/>
      <c r="J21" s="95"/>
      <c r="K21" s="209"/>
      <c r="L21" s="95"/>
      <c r="M21" s="209"/>
      <c r="N21" s="209"/>
      <c r="O21" s="96"/>
    </row>
    <row r="22" spans="1:15" ht="20.149999999999999" customHeight="1" x14ac:dyDescent="0.2">
      <c r="A22" s="393"/>
      <c r="B22" s="209" t="s">
        <v>32</v>
      </c>
      <c r="C22" s="206" t="s">
        <v>26</v>
      </c>
      <c r="D22" s="206" t="s">
        <v>33</v>
      </c>
      <c r="E22" s="94"/>
      <c r="F22" s="206"/>
      <c r="G22" s="94"/>
      <c r="H22" s="206"/>
      <c r="I22" s="206"/>
      <c r="J22" s="94"/>
      <c r="K22" s="206"/>
      <c r="L22" s="94"/>
      <c r="M22" s="206"/>
      <c r="N22" s="206"/>
      <c r="O22" s="96"/>
    </row>
    <row r="23" spans="1:15" ht="20.149999999999999" customHeight="1" x14ac:dyDescent="0.2">
      <c r="A23" s="393"/>
      <c r="B23" s="368" t="s">
        <v>34</v>
      </c>
      <c r="C23" s="209" t="s">
        <v>27</v>
      </c>
      <c r="D23" s="209">
        <v>1</v>
      </c>
      <c r="E23" s="95"/>
      <c r="F23" s="209"/>
      <c r="G23" s="209"/>
      <c r="H23" s="209"/>
      <c r="I23" s="209"/>
      <c r="J23" s="95"/>
      <c r="K23" s="209"/>
      <c r="L23" s="209"/>
      <c r="M23" s="209"/>
      <c r="N23" s="209"/>
      <c r="O23" s="96"/>
    </row>
    <row r="24" spans="1:15" ht="20.149999999999999" customHeight="1" x14ac:dyDescent="0.2">
      <c r="A24" s="394"/>
      <c r="B24" s="369"/>
      <c r="C24" s="206" t="s">
        <v>35</v>
      </c>
      <c r="D24" s="206">
        <v>1</v>
      </c>
      <c r="E24" s="95"/>
      <c r="F24" s="209"/>
      <c r="G24" s="209"/>
      <c r="H24" s="209"/>
      <c r="I24" s="209"/>
      <c r="J24" s="95"/>
      <c r="K24" s="209"/>
      <c r="L24" s="209"/>
      <c r="M24" s="209"/>
      <c r="N24" s="209"/>
      <c r="O24" s="96"/>
    </row>
    <row r="25" spans="1:15" ht="20.149999999999999" customHeight="1" x14ac:dyDescent="0.2">
      <c r="A25" s="353" t="s">
        <v>36</v>
      </c>
      <c r="B25" s="353"/>
      <c r="C25" s="353" t="s">
        <v>37</v>
      </c>
      <c r="D25" s="353"/>
      <c r="E25" s="139"/>
      <c r="F25" s="139"/>
      <c r="G25" s="139"/>
      <c r="H25" s="209"/>
      <c r="I25" s="209"/>
      <c r="J25" s="139"/>
      <c r="K25" s="139"/>
      <c r="L25" s="209"/>
      <c r="M25" s="209"/>
      <c r="N25" s="209"/>
      <c r="O25" s="96"/>
    </row>
    <row r="26" spans="1:15" ht="20.149999999999999" customHeight="1" x14ac:dyDescent="0.2">
      <c r="A26" s="353"/>
      <c r="B26" s="353"/>
      <c r="C26" s="353"/>
      <c r="D26" s="353"/>
      <c r="E26" s="395"/>
      <c r="F26" s="380"/>
      <c r="G26" s="380"/>
      <c r="H26" s="380"/>
      <c r="I26" s="381"/>
      <c r="J26" s="395" t="s">
        <v>173</v>
      </c>
      <c r="K26" s="380"/>
      <c r="L26" s="380"/>
      <c r="M26" s="380"/>
      <c r="N26" s="381"/>
      <c r="O26" s="209"/>
    </row>
    <row r="27" spans="1:15" ht="20.149999999999999" customHeight="1" x14ac:dyDescent="0.2">
      <c r="A27" s="100"/>
      <c r="B27" s="100"/>
      <c r="C27" s="100"/>
      <c r="D27" s="100"/>
      <c r="E27" s="100"/>
      <c r="F27" s="100"/>
      <c r="G27" s="100"/>
      <c r="H27" s="100"/>
      <c r="I27" s="100"/>
      <c r="J27" s="100"/>
      <c r="K27" s="100"/>
      <c r="L27" s="100"/>
      <c r="M27" s="100"/>
      <c r="N27" s="100"/>
      <c r="O27" s="100"/>
    </row>
    <row r="28" spans="1:15" ht="20.149999999999999" customHeight="1" x14ac:dyDescent="0.2">
      <c r="A28" s="377" t="s">
        <v>611</v>
      </c>
      <c r="B28" s="378"/>
      <c r="C28" s="378"/>
      <c r="D28" s="378"/>
      <c r="E28" s="378"/>
      <c r="F28" s="378"/>
      <c r="G28" s="378"/>
      <c r="H28" s="378"/>
      <c r="I28" s="378"/>
      <c r="J28" s="378"/>
      <c r="K28" s="378"/>
      <c r="L28" s="378"/>
      <c r="M28" s="378"/>
      <c r="N28" s="378"/>
      <c r="O28" s="378"/>
    </row>
    <row r="29" spans="1:15" ht="20.149999999999999" customHeight="1" x14ac:dyDescent="0.2">
      <c r="A29" s="377" t="s">
        <v>612</v>
      </c>
      <c r="B29" s="378"/>
      <c r="C29" s="378"/>
      <c r="D29" s="378"/>
      <c r="E29" s="378"/>
      <c r="F29" s="378"/>
      <c r="G29" s="378"/>
      <c r="H29" s="378"/>
      <c r="I29" s="378"/>
      <c r="J29" s="378"/>
      <c r="K29" s="378"/>
      <c r="L29" s="378"/>
      <c r="M29" s="378"/>
      <c r="N29" s="378"/>
      <c r="O29" s="378"/>
    </row>
    <row r="30" spans="1:15" ht="20.149999999999999" customHeight="1" x14ac:dyDescent="0.2">
      <c r="A30" s="377" t="s">
        <v>55</v>
      </c>
      <c r="B30" s="378"/>
      <c r="C30" s="378"/>
      <c r="D30" s="378"/>
      <c r="E30" s="378"/>
      <c r="F30" s="378"/>
      <c r="G30" s="378"/>
      <c r="H30" s="378"/>
      <c r="I30" s="378"/>
      <c r="J30" s="378"/>
      <c r="K30" s="378"/>
      <c r="L30" s="378"/>
      <c r="M30" s="378"/>
      <c r="N30" s="378"/>
      <c r="O30" s="378"/>
    </row>
    <row r="31" spans="1:15" ht="20.149999999999999" customHeight="1" x14ac:dyDescent="0.2">
      <c r="A31" s="377" t="s">
        <v>174</v>
      </c>
      <c r="B31" s="378"/>
      <c r="C31" s="378"/>
      <c r="D31" s="378"/>
      <c r="E31" s="378"/>
      <c r="F31" s="378"/>
      <c r="G31" s="378"/>
      <c r="H31" s="378"/>
      <c r="I31" s="378"/>
      <c r="J31" s="378"/>
      <c r="K31" s="378"/>
      <c r="L31" s="378"/>
      <c r="M31" s="378"/>
      <c r="N31" s="378"/>
      <c r="O31" s="378"/>
    </row>
    <row r="32" spans="1:15" ht="20.149999999999999" customHeight="1" x14ac:dyDescent="0.2">
      <c r="A32" s="377" t="s">
        <v>613</v>
      </c>
      <c r="B32" s="378"/>
      <c r="C32" s="378"/>
      <c r="D32" s="378"/>
      <c r="E32" s="378"/>
      <c r="F32" s="378"/>
      <c r="G32" s="378"/>
      <c r="H32" s="378"/>
      <c r="I32" s="378"/>
      <c r="J32" s="378"/>
      <c r="K32" s="378"/>
      <c r="L32" s="378"/>
      <c r="M32" s="378"/>
      <c r="N32" s="378"/>
      <c r="O32" s="378"/>
    </row>
    <row r="33" spans="1:15" ht="20.149999999999999" customHeight="1" x14ac:dyDescent="0.2">
      <c r="A33" s="100"/>
      <c r="B33" s="100"/>
      <c r="C33" s="100"/>
      <c r="D33" s="100"/>
      <c r="E33" s="100"/>
      <c r="F33" s="100"/>
      <c r="G33" s="100"/>
      <c r="H33" s="100"/>
      <c r="I33" s="100"/>
      <c r="J33" s="100"/>
      <c r="K33" s="100"/>
      <c r="L33" s="100"/>
      <c r="M33" s="100"/>
      <c r="N33" s="100"/>
      <c r="O33" s="100"/>
    </row>
    <row r="34" spans="1:15" s="101" customFormat="1" ht="16.5" customHeight="1" x14ac:dyDescent="0.2">
      <c r="A34" s="101" t="s">
        <v>42</v>
      </c>
    </row>
    <row r="35" spans="1:15" s="101" customFormat="1" ht="18" customHeight="1" x14ac:dyDescent="0.2">
      <c r="A35" s="379" t="s">
        <v>614</v>
      </c>
      <c r="B35" s="380"/>
      <c r="C35" s="380"/>
      <c r="D35" s="381"/>
      <c r="E35" s="384" t="s">
        <v>609</v>
      </c>
      <c r="F35" s="384"/>
      <c r="G35" s="384"/>
      <c r="H35" s="384"/>
      <c r="I35" s="385"/>
      <c r="J35" s="361" t="s">
        <v>610</v>
      </c>
      <c r="K35" s="361"/>
      <c r="L35" s="361"/>
      <c r="M35" s="361"/>
      <c r="N35" s="362"/>
      <c r="O35" s="206" t="s">
        <v>49</v>
      </c>
    </row>
    <row r="36" spans="1:15" s="101" customFormat="1" ht="18" customHeight="1" x14ac:dyDescent="0.2">
      <c r="A36" s="368" t="s">
        <v>11</v>
      </c>
      <c r="B36" s="368" t="s">
        <v>25</v>
      </c>
      <c r="C36" s="206" t="s">
        <v>50</v>
      </c>
      <c r="D36" s="368" t="s">
        <v>12</v>
      </c>
      <c r="E36" s="359" t="s">
        <v>172</v>
      </c>
      <c r="F36" s="206" t="s">
        <v>50</v>
      </c>
      <c r="G36" s="353" t="s">
        <v>52</v>
      </c>
      <c r="H36" s="353"/>
      <c r="I36" s="353"/>
      <c r="J36" s="359" t="s">
        <v>172</v>
      </c>
      <c r="K36" s="206" t="s">
        <v>50</v>
      </c>
      <c r="L36" s="353" t="s">
        <v>52</v>
      </c>
      <c r="M36" s="353"/>
      <c r="N36" s="353"/>
      <c r="O36" s="93" t="s">
        <v>53</v>
      </c>
    </row>
    <row r="37" spans="1:15" s="101" customFormat="1" ht="18" customHeight="1" x14ac:dyDescent="0.2">
      <c r="A37" s="369"/>
      <c r="B37" s="369"/>
      <c r="C37" s="207" t="s">
        <v>54</v>
      </c>
      <c r="D37" s="369"/>
      <c r="E37" s="360"/>
      <c r="F37" s="207" t="s">
        <v>51</v>
      </c>
      <c r="G37" s="209" t="s">
        <v>13</v>
      </c>
      <c r="H37" s="209" t="s">
        <v>14</v>
      </c>
      <c r="I37" s="209" t="s">
        <v>15</v>
      </c>
      <c r="J37" s="360"/>
      <c r="K37" s="207" t="s">
        <v>51</v>
      </c>
      <c r="L37" s="209" t="s">
        <v>13</v>
      </c>
      <c r="M37" s="209" t="s">
        <v>14</v>
      </c>
      <c r="N37" s="209" t="s">
        <v>15</v>
      </c>
      <c r="O37" s="207" t="s">
        <v>175</v>
      </c>
    </row>
    <row r="38" spans="1:15" s="101" customFormat="1" ht="18" customHeight="1" x14ac:dyDescent="0.2">
      <c r="A38" s="374" t="s">
        <v>138</v>
      </c>
      <c r="B38" s="102" t="s">
        <v>19</v>
      </c>
      <c r="C38" s="103" t="s">
        <v>16</v>
      </c>
      <c r="D38" s="103">
        <v>2</v>
      </c>
      <c r="E38" s="104"/>
      <c r="F38" s="103"/>
      <c r="G38" s="103"/>
      <c r="H38" s="104"/>
      <c r="I38" s="103"/>
      <c r="J38" s="104"/>
      <c r="K38" s="103"/>
      <c r="L38" s="103"/>
      <c r="M38" s="104"/>
      <c r="N38" s="103"/>
      <c r="O38" s="105"/>
    </row>
    <row r="39" spans="1:15" s="101" customFormat="1" ht="18" customHeight="1" x14ac:dyDescent="0.2">
      <c r="A39" s="375"/>
      <c r="B39" s="102" t="s">
        <v>20</v>
      </c>
      <c r="C39" s="103" t="s">
        <v>16</v>
      </c>
      <c r="D39" s="103">
        <v>2</v>
      </c>
      <c r="E39" s="104"/>
      <c r="F39" s="103"/>
      <c r="G39" s="103"/>
      <c r="H39" s="104"/>
      <c r="I39" s="103"/>
      <c r="J39" s="104"/>
      <c r="K39" s="103"/>
      <c r="L39" s="103"/>
      <c r="M39" s="104"/>
      <c r="N39" s="103"/>
      <c r="O39" s="105"/>
    </row>
    <row r="40" spans="1:15" s="101" customFormat="1" ht="18" customHeight="1" x14ac:dyDescent="0.2">
      <c r="A40" s="375"/>
      <c r="B40" s="102" t="s">
        <v>156</v>
      </c>
      <c r="C40" s="103" t="s">
        <v>16</v>
      </c>
      <c r="D40" s="103">
        <v>2</v>
      </c>
      <c r="E40" s="104"/>
      <c r="F40" s="103"/>
      <c r="G40" s="103"/>
      <c r="H40" s="104"/>
      <c r="I40" s="103"/>
      <c r="J40" s="104"/>
      <c r="K40" s="103"/>
      <c r="L40" s="103"/>
      <c r="M40" s="104"/>
      <c r="N40" s="103"/>
      <c r="O40" s="105"/>
    </row>
    <row r="41" spans="1:15" s="101" customFormat="1" ht="18" customHeight="1" x14ac:dyDescent="0.2">
      <c r="A41" s="375"/>
      <c r="B41" s="102" t="s">
        <v>18</v>
      </c>
      <c r="C41" s="103" t="s">
        <v>16</v>
      </c>
      <c r="D41" s="103">
        <v>2</v>
      </c>
      <c r="E41" s="104"/>
      <c r="F41" s="103"/>
      <c r="G41" s="103"/>
      <c r="H41" s="104"/>
      <c r="I41" s="103"/>
      <c r="J41" s="104"/>
      <c r="K41" s="103"/>
      <c r="L41" s="103"/>
      <c r="M41" s="104"/>
      <c r="N41" s="103"/>
      <c r="O41" s="105"/>
    </row>
    <row r="42" spans="1:15" s="101" customFormat="1" ht="18" customHeight="1" x14ac:dyDescent="0.2">
      <c r="A42" s="375"/>
      <c r="B42" s="102" t="s">
        <v>157</v>
      </c>
      <c r="C42" s="103" t="s">
        <v>16</v>
      </c>
      <c r="D42" s="103">
        <v>2</v>
      </c>
      <c r="E42" s="104"/>
      <c r="F42" s="103"/>
      <c r="G42" s="103"/>
      <c r="H42" s="104"/>
      <c r="I42" s="103"/>
      <c r="J42" s="104"/>
      <c r="K42" s="103"/>
      <c r="L42" s="103"/>
      <c r="M42" s="104"/>
      <c r="N42" s="103"/>
      <c r="O42" s="105"/>
    </row>
    <row r="43" spans="1:15" s="101" customFormat="1" ht="18" customHeight="1" x14ac:dyDescent="0.2">
      <c r="A43" s="375"/>
      <c r="B43" s="102" t="s">
        <v>176</v>
      </c>
      <c r="C43" s="103" t="s">
        <v>16</v>
      </c>
      <c r="D43" s="103">
        <v>2</v>
      </c>
      <c r="E43" s="104"/>
      <c r="F43" s="103"/>
      <c r="G43" s="103"/>
      <c r="H43" s="104"/>
      <c r="I43" s="103"/>
      <c r="J43" s="104"/>
      <c r="K43" s="103"/>
      <c r="L43" s="103"/>
      <c r="M43" s="104"/>
      <c r="N43" s="103"/>
      <c r="O43" s="105"/>
    </row>
    <row r="44" spans="1:15" s="101" customFormat="1" ht="18" customHeight="1" x14ac:dyDescent="0.2">
      <c r="A44" s="376"/>
      <c r="B44" s="102" t="s">
        <v>139</v>
      </c>
      <c r="C44" s="103" t="s">
        <v>16</v>
      </c>
      <c r="D44" s="103">
        <v>2</v>
      </c>
      <c r="E44" s="104"/>
      <c r="F44" s="103"/>
      <c r="G44" s="103"/>
      <c r="H44" s="104"/>
      <c r="I44" s="103"/>
      <c r="J44" s="104"/>
      <c r="K44" s="103"/>
      <c r="L44" s="103"/>
      <c r="M44" s="104"/>
      <c r="N44" s="103"/>
      <c r="O44" s="105"/>
    </row>
    <row r="45" spans="1:15" s="101" customFormat="1" ht="18" customHeight="1" x14ac:dyDescent="0.2">
      <c r="A45" s="382" t="s">
        <v>140</v>
      </c>
      <c r="B45" s="102" t="s">
        <v>158</v>
      </c>
      <c r="C45" s="103" t="s">
        <v>16</v>
      </c>
      <c r="D45" s="103">
        <v>2</v>
      </c>
      <c r="E45" s="104"/>
      <c r="F45" s="103"/>
      <c r="G45" s="103"/>
      <c r="H45" s="104"/>
      <c r="I45" s="103"/>
      <c r="J45" s="104"/>
      <c r="K45" s="103"/>
      <c r="L45" s="103"/>
      <c r="M45" s="104"/>
      <c r="N45" s="103"/>
      <c r="O45" s="105"/>
    </row>
    <row r="46" spans="1:15" s="101" customFormat="1" ht="27" customHeight="1" x14ac:dyDescent="0.2">
      <c r="A46" s="383"/>
      <c r="B46" s="137" t="s">
        <v>177</v>
      </c>
      <c r="C46" s="103" t="s">
        <v>16</v>
      </c>
      <c r="D46" s="103">
        <v>2</v>
      </c>
      <c r="E46" s="104"/>
      <c r="F46" s="103"/>
      <c r="G46" s="103"/>
      <c r="H46" s="104"/>
      <c r="I46" s="103"/>
      <c r="J46" s="104"/>
      <c r="K46" s="103"/>
      <c r="L46" s="103"/>
      <c r="M46" s="104"/>
      <c r="N46" s="103"/>
      <c r="O46" s="105"/>
    </row>
    <row r="47" spans="1:15" s="101" customFormat="1" ht="18" customHeight="1" x14ac:dyDescent="0.2">
      <c r="A47" s="383"/>
      <c r="B47" s="110" t="s">
        <v>159</v>
      </c>
      <c r="C47" s="210" t="s">
        <v>17</v>
      </c>
      <c r="D47" s="210">
        <v>1</v>
      </c>
      <c r="E47" s="104"/>
      <c r="F47" s="103"/>
      <c r="G47" s="103"/>
      <c r="H47" s="104"/>
      <c r="I47" s="103"/>
      <c r="J47" s="104"/>
      <c r="K47" s="103"/>
      <c r="L47" s="103"/>
      <c r="M47" s="104"/>
      <c r="N47" s="103"/>
      <c r="O47" s="107"/>
    </row>
    <row r="48" spans="1:15" s="101" customFormat="1" ht="18" customHeight="1" x14ac:dyDescent="0.2">
      <c r="A48" s="383"/>
      <c r="B48" s="102" t="s">
        <v>160</v>
      </c>
      <c r="C48" s="103" t="s">
        <v>16</v>
      </c>
      <c r="D48" s="103">
        <v>2</v>
      </c>
      <c r="E48" s="104"/>
      <c r="F48" s="103"/>
      <c r="G48" s="103"/>
      <c r="H48" s="104"/>
      <c r="I48" s="103"/>
      <c r="J48" s="104"/>
      <c r="K48" s="103"/>
      <c r="L48" s="103"/>
      <c r="M48" s="104"/>
      <c r="N48" s="103"/>
      <c r="O48" s="105"/>
    </row>
    <row r="49" spans="1:15" s="101" customFormat="1" ht="18" customHeight="1" x14ac:dyDescent="0.2">
      <c r="A49" s="383"/>
      <c r="B49" s="108" t="s">
        <v>141</v>
      </c>
      <c r="C49" s="211" t="s">
        <v>17</v>
      </c>
      <c r="D49" s="103">
        <v>2</v>
      </c>
      <c r="E49" s="104"/>
      <c r="F49" s="103"/>
      <c r="G49" s="103"/>
      <c r="H49" s="104"/>
      <c r="I49" s="103"/>
      <c r="J49" s="104"/>
      <c r="K49" s="103"/>
      <c r="L49" s="103"/>
      <c r="M49" s="104"/>
      <c r="N49" s="103"/>
      <c r="O49" s="105"/>
    </row>
    <row r="50" spans="1:15" s="101" customFormat="1" ht="18" customHeight="1" x14ac:dyDescent="0.2">
      <c r="A50" s="382" t="s">
        <v>142</v>
      </c>
      <c r="B50" s="102" t="s">
        <v>161</v>
      </c>
      <c r="C50" s="103" t="s">
        <v>16</v>
      </c>
      <c r="D50" s="103">
        <v>2</v>
      </c>
      <c r="E50" s="109"/>
      <c r="F50" s="103"/>
      <c r="G50" s="103"/>
      <c r="H50" s="104"/>
      <c r="I50" s="103"/>
      <c r="J50" s="109"/>
      <c r="K50" s="103"/>
      <c r="L50" s="103"/>
      <c r="M50" s="104"/>
      <c r="N50" s="103"/>
      <c r="O50" s="105"/>
    </row>
    <row r="51" spans="1:15" s="101" customFormat="1" ht="18" customHeight="1" x14ac:dyDescent="0.2">
      <c r="A51" s="383"/>
      <c r="B51" s="102" t="s">
        <v>143</v>
      </c>
      <c r="C51" s="103" t="s">
        <v>26</v>
      </c>
      <c r="D51" s="103">
        <v>1</v>
      </c>
      <c r="E51" s="104"/>
      <c r="F51" s="103"/>
      <c r="G51" s="103"/>
      <c r="H51" s="104"/>
      <c r="I51" s="103"/>
      <c r="J51" s="104"/>
      <c r="K51" s="103"/>
      <c r="L51" s="103"/>
      <c r="M51" s="104"/>
      <c r="N51" s="103"/>
      <c r="O51" s="105"/>
    </row>
    <row r="52" spans="1:15" s="101" customFormat="1" ht="18" customHeight="1" x14ac:dyDescent="0.2">
      <c r="A52" s="383"/>
      <c r="B52" s="370" t="s">
        <v>144</v>
      </c>
      <c r="C52" s="354" t="s">
        <v>26</v>
      </c>
      <c r="D52" s="354">
        <v>5</v>
      </c>
      <c r="E52" s="104"/>
      <c r="F52" s="103"/>
      <c r="G52" s="103"/>
      <c r="H52" s="104"/>
      <c r="I52" s="103"/>
      <c r="J52" s="104"/>
      <c r="K52" s="103"/>
      <c r="L52" s="103"/>
      <c r="M52" s="104"/>
      <c r="N52" s="103"/>
      <c r="O52" s="105"/>
    </row>
    <row r="53" spans="1:15" s="101" customFormat="1" ht="18" customHeight="1" x14ac:dyDescent="0.2">
      <c r="A53" s="383"/>
      <c r="B53" s="371"/>
      <c r="C53" s="373"/>
      <c r="D53" s="373"/>
      <c r="E53" s="104"/>
      <c r="F53" s="103"/>
      <c r="G53" s="103"/>
      <c r="H53" s="104"/>
      <c r="I53" s="103"/>
      <c r="J53" s="104"/>
      <c r="K53" s="103"/>
      <c r="L53" s="103"/>
      <c r="M53" s="104"/>
      <c r="N53" s="103"/>
      <c r="O53" s="105"/>
    </row>
    <row r="54" spans="1:15" s="101" customFormat="1" ht="18" customHeight="1" x14ac:dyDescent="0.2">
      <c r="A54" s="383"/>
      <c r="B54" s="371"/>
      <c r="C54" s="373"/>
      <c r="D54" s="373"/>
      <c r="E54" s="104"/>
      <c r="F54" s="103"/>
      <c r="G54" s="103"/>
      <c r="H54" s="104"/>
      <c r="I54" s="103"/>
      <c r="J54" s="104"/>
      <c r="K54" s="103"/>
      <c r="L54" s="103"/>
      <c r="M54" s="104"/>
      <c r="N54" s="103"/>
      <c r="O54" s="105"/>
    </row>
    <row r="55" spans="1:15" s="101" customFormat="1" ht="18" customHeight="1" x14ac:dyDescent="0.2">
      <c r="A55" s="383"/>
      <c r="B55" s="371"/>
      <c r="C55" s="373"/>
      <c r="D55" s="373"/>
      <c r="E55" s="104"/>
      <c r="F55" s="103"/>
      <c r="G55" s="103"/>
      <c r="H55" s="104"/>
      <c r="I55" s="103"/>
      <c r="J55" s="104"/>
      <c r="K55" s="103"/>
      <c r="L55" s="103"/>
      <c r="M55" s="104"/>
      <c r="N55" s="103"/>
      <c r="O55" s="105"/>
    </row>
    <row r="56" spans="1:15" s="101" customFormat="1" ht="18" customHeight="1" x14ac:dyDescent="0.2">
      <c r="A56" s="383"/>
      <c r="B56" s="372"/>
      <c r="C56" s="355"/>
      <c r="D56" s="355"/>
      <c r="E56" s="104"/>
      <c r="F56" s="103"/>
      <c r="G56" s="103"/>
      <c r="H56" s="104"/>
      <c r="I56" s="103"/>
      <c r="J56" s="104"/>
      <c r="K56" s="103"/>
      <c r="L56" s="103"/>
      <c r="M56" s="104"/>
      <c r="N56" s="103"/>
      <c r="O56" s="105"/>
    </row>
    <row r="57" spans="1:15" s="101" customFormat="1" ht="18" customHeight="1" x14ac:dyDescent="0.2">
      <c r="A57" s="383"/>
      <c r="B57" s="370" t="s">
        <v>162</v>
      </c>
      <c r="C57" s="354" t="s">
        <v>26</v>
      </c>
      <c r="D57" s="354">
        <v>4</v>
      </c>
      <c r="E57" s="104"/>
      <c r="F57" s="103"/>
      <c r="G57" s="103"/>
      <c r="H57" s="104"/>
      <c r="I57" s="103"/>
      <c r="J57" s="104"/>
      <c r="K57" s="103"/>
      <c r="L57" s="103"/>
      <c r="M57" s="104"/>
      <c r="N57" s="103"/>
      <c r="O57" s="105"/>
    </row>
    <row r="58" spans="1:15" s="101" customFormat="1" ht="18" customHeight="1" x14ac:dyDescent="0.2">
      <c r="A58" s="383"/>
      <c r="B58" s="371"/>
      <c r="C58" s="373"/>
      <c r="D58" s="373"/>
      <c r="E58" s="104"/>
      <c r="F58" s="103"/>
      <c r="G58" s="103"/>
      <c r="H58" s="104"/>
      <c r="I58" s="103"/>
      <c r="J58" s="104"/>
      <c r="K58" s="103"/>
      <c r="L58" s="103"/>
      <c r="M58" s="104"/>
      <c r="N58" s="103"/>
      <c r="O58" s="105"/>
    </row>
    <row r="59" spans="1:15" s="101" customFormat="1" ht="18" customHeight="1" x14ac:dyDescent="0.2">
      <c r="A59" s="383"/>
      <c r="B59" s="371"/>
      <c r="C59" s="373"/>
      <c r="D59" s="373"/>
      <c r="E59" s="104"/>
      <c r="F59" s="103"/>
      <c r="G59" s="103"/>
      <c r="H59" s="104"/>
      <c r="I59" s="103"/>
      <c r="J59" s="104"/>
      <c r="K59" s="103"/>
      <c r="L59" s="103"/>
      <c r="M59" s="104"/>
      <c r="N59" s="103"/>
      <c r="O59" s="105"/>
    </row>
    <row r="60" spans="1:15" s="101" customFormat="1" ht="18" customHeight="1" x14ac:dyDescent="0.2">
      <c r="A60" s="383"/>
      <c r="B60" s="372"/>
      <c r="C60" s="355"/>
      <c r="D60" s="355"/>
      <c r="E60" s="104"/>
      <c r="F60" s="103"/>
      <c r="G60" s="103"/>
      <c r="H60" s="104"/>
      <c r="I60" s="103"/>
      <c r="J60" s="104"/>
      <c r="K60" s="103"/>
      <c r="L60" s="103"/>
      <c r="M60" s="104"/>
      <c r="N60" s="103"/>
      <c r="O60" s="105"/>
    </row>
    <row r="61" spans="1:15" s="101" customFormat="1" ht="18" customHeight="1" x14ac:dyDescent="0.2">
      <c r="A61" s="383"/>
      <c r="B61" s="102" t="s">
        <v>163</v>
      </c>
      <c r="C61" s="103" t="s">
        <v>27</v>
      </c>
      <c r="D61" s="103">
        <v>2</v>
      </c>
      <c r="E61" s="104"/>
      <c r="F61" s="103"/>
      <c r="G61" s="103"/>
      <c r="H61" s="104"/>
      <c r="I61" s="103"/>
      <c r="J61" s="104"/>
      <c r="K61" s="103"/>
      <c r="L61" s="103"/>
      <c r="M61" s="104"/>
      <c r="N61" s="103"/>
      <c r="O61" s="105"/>
    </row>
    <row r="62" spans="1:15" s="101" customFormat="1" ht="18" customHeight="1" x14ac:dyDescent="0.2">
      <c r="A62" s="383"/>
      <c r="B62" s="102" t="s">
        <v>164</v>
      </c>
      <c r="C62" s="103" t="s">
        <v>17</v>
      </c>
      <c r="D62" s="103">
        <v>1</v>
      </c>
      <c r="E62" s="104"/>
      <c r="F62" s="103"/>
      <c r="G62" s="103"/>
      <c r="H62" s="104"/>
      <c r="I62" s="103"/>
      <c r="J62" s="104"/>
      <c r="K62" s="103"/>
      <c r="L62" s="103"/>
      <c r="M62" s="104"/>
      <c r="N62" s="103"/>
      <c r="O62" s="105"/>
    </row>
    <row r="63" spans="1:15" s="101" customFormat="1" ht="18" customHeight="1" x14ac:dyDescent="0.2">
      <c r="A63" s="383"/>
      <c r="B63" s="102" t="s">
        <v>165</v>
      </c>
      <c r="C63" s="103" t="s">
        <v>26</v>
      </c>
      <c r="D63" s="103">
        <v>1</v>
      </c>
      <c r="E63" s="104"/>
      <c r="F63" s="103"/>
      <c r="G63" s="103"/>
      <c r="H63" s="104"/>
      <c r="I63" s="103"/>
      <c r="J63" s="104"/>
      <c r="K63" s="103"/>
      <c r="L63" s="103"/>
      <c r="M63" s="104"/>
      <c r="N63" s="103"/>
      <c r="O63" s="105"/>
    </row>
    <row r="64" spans="1:15" s="101" customFormat="1" ht="18" customHeight="1" x14ac:dyDescent="0.2">
      <c r="A64" s="383"/>
      <c r="B64" s="102" t="s">
        <v>166</v>
      </c>
      <c r="C64" s="103" t="s">
        <v>26</v>
      </c>
      <c r="D64" s="103">
        <v>2</v>
      </c>
      <c r="E64" s="104"/>
      <c r="F64" s="103"/>
      <c r="G64" s="103"/>
      <c r="H64" s="104"/>
      <c r="I64" s="103"/>
      <c r="J64" s="104"/>
      <c r="K64" s="103"/>
      <c r="L64" s="103"/>
      <c r="M64" s="104"/>
      <c r="N64" s="103"/>
      <c r="O64" s="105"/>
    </row>
    <row r="65" spans="1:15" s="101" customFormat="1" ht="18" customHeight="1" x14ac:dyDescent="0.2">
      <c r="A65" s="383"/>
      <c r="B65" s="102" t="s">
        <v>167</v>
      </c>
      <c r="C65" s="103" t="s">
        <v>26</v>
      </c>
      <c r="D65" s="103">
        <v>1</v>
      </c>
      <c r="E65" s="104"/>
      <c r="F65" s="103"/>
      <c r="G65" s="103"/>
      <c r="H65" s="104"/>
      <c r="I65" s="103"/>
      <c r="J65" s="104"/>
      <c r="K65" s="103"/>
      <c r="L65" s="103"/>
      <c r="M65" s="104"/>
      <c r="N65" s="103"/>
      <c r="O65" s="105"/>
    </row>
    <row r="66" spans="1:15" s="101" customFormat="1" ht="18" customHeight="1" x14ac:dyDescent="0.2">
      <c r="A66" s="383"/>
      <c r="B66" s="102" t="s">
        <v>168</v>
      </c>
      <c r="C66" s="103" t="s">
        <v>26</v>
      </c>
      <c r="D66" s="103">
        <v>1</v>
      </c>
      <c r="E66" s="104"/>
      <c r="F66" s="211"/>
      <c r="G66" s="103"/>
      <c r="H66" s="104"/>
      <c r="I66" s="103"/>
      <c r="J66" s="104"/>
      <c r="K66" s="211"/>
      <c r="L66" s="103"/>
      <c r="M66" s="104"/>
      <c r="N66" s="103"/>
      <c r="O66" s="105"/>
    </row>
    <row r="67" spans="1:15" s="101" customFormat="1" ht="18" customHeight="1" x14ac:dyDescent="0.2">
      <c r="A67" s="386" t="s">
        <v>39</v>
      </c>
      <c r="B67" s="102" t="s">
        <v>69</v>
      </c>
      <c r="C67" s="103" t="s">
        <v>21</v>
      </c>
      <c r="D67" s="103">
        <v>4</v>
      </c>
      <c r="E67" s="104"/>
      <c r="F67" s="103"/>
      <c r="G67" s="103"/>
      <c r="H67" s="104"/>
      <c r="I67" s="103"/>
      <c r="J67" s="104"/>
      <c r="K67" s="103"/>
      <c r="L67" s="103"/>
      <c r="M67" s="104"/>
      <c r="N67" s="103"/>
      <c r="O67" s="105"/>
    </row>
    <row r="68" spans="1:15" s="101" customFormat="1" ht="18" customHeight="1" x14ac:dyDescent="0.2">
      <c r="A68" s="387"/>
      <c r="B68" s="106" t="s">
        <v>145</v>
      </c>
      <c r="C68" s="211" t="s">
        <v>26</v>
      </c>
      <c r="D68" s="211">
        <v>2</v>
      </c>
      <c r="E68" s="109"/>
      <c r="F68" s="211"/>
      <c r="G68" s="211"/>
      <c r="H68" s="109"/>
      <c r="I68" s="211"/>
      <c r="J68" s="109"/>
      <c r="K68" s="211"/>
      <c r="L68" s="211"/>
      <c r="M68" s="109"/>
      <c r="N68" s="211"/>
      <c r="O68" s="111"/>
    </row>
    <row r="69" spans="1:15" s="101" customFormat="1" ht="18" customHeight="1" x14ac:dyDescent="0.2">
      <c r="A69" s="388" t="s">
        <v>40</v>
      </c>
      <c r="B69" s="370" t="s">
        <v>146</v>
      </c>
      <c r="C69" s="354" t="s">
        <v>17</v>
      </c>
      <c r="D69" s="354">
        <v>2</v>
      </c>
      <c r="E69" s="354"/>
      <c r="F69" s="354"/>
      <c r="G69" s="354"/>
      <c r="H69" s="354"/>
      <c r="I69" s="354"/>
      <c r="J69" s="354"/>
      <c r="K69" s="354"/>
      <c r="L69" s="354"/>
      <c r="M69" s="354"/>
      <c r="N69" s="354"/>
      <c r="O69" s="354"/>
    </row>
    <row r="70" spans="1:15" s="101" customFormat="1" ht="18" customHeight="1" x14ac:dyDescent="0.2">
      <c r="A70" s="389"/>
      <c r="B70" s="372"/>
      <c r="C70" s="355"/>
      <c r="D70" s="355"/>
      <c r="E70" s="355"/>
      <c r="F70" s="355"/>
      <c r="G70" s="355"/>
      <c r="H70" s="355"/>
      <c r="I70" s="355"/>
      <c r="J70" s="355"/>
      <c r="K70" s="355"/>
      <c r="L70" s="355"/>
      <c r="M70" s="355"/>
      <c r="N70" s="355"/>
      <c r="O70" s="355"/>
    </row>
    <row r="71" spans="1:15" s="101" customFormat="1" ht="18" customHeight="1" x14ac:dyDescent="0.2">
      <c r="A71" s="396" t="s">
        <v>41</v>
      </c>
      <c r="B71" s="423"/>
      <c r="C71" s="396" t="s">
        <v>147</v>
      </c>
      <c r="D71" s="397"/>
      <c r="E71" s="140"/>
      <c r="F71" s="140"/>
      <c r="G71" s="103"/>
      <c r="H71" s="103"/>
      <c r="I71" s="103"/>
      <c r="J71" s="140"/>
      <c r="K71" s="140"/>
      <c r="L71" s="103"/>
      <c r="M71" s="103"/>
      <c r="N71" s="103"/>
      <c r="O71" s="105"/>
    </row>
    <row r="72" spans="1:15" s="101" customFormat="1" ht="18" customHeight="1" x14ac:dyDescent="0.2">
      <c r="A72" s="424"/>
      <c r="B72" s="425"/>
      <c r="C72" s="398"/>
      <c r="D72" s="399"/>
      <c r="E72" s="356"/>
      <c r="F72" s="357"/>
      <c r="G72" s="357"/>
      <c r="H72" s="357"/>
      <c r="I72" s="358"/>
      <c r="J72" s="356" t="s">
        <v>178</v>
      </c>
      <c r="K72" s="357"/>
      <c r="L72" s="357"/>
      <c r="M72" s="357"/>
      <c r="N72" s="358"/>
      <c r="O72" s="105"/>
    </row>
    <row r="73" spans="1:15" ht="18" customHeight="1" x14ac:dyDescent="0.2">
      <c r="E73" s="100"/>
      <c r="F73" s="100"/>
      <c r="G73" s="100"/>
      <c r="H73" s="100"/>
      <c r="I73" s="100"/>
      <c r="J73" s="100"/>
      <c r="K73" s="100"/>
      <c r="L73" s="100"/>
      <c r="M73" s="100"/>
      <c r="N73" s="100"/>
      <c r="O73" s="100"/>
    </row>
    <row r="74" spans="1:15" s="112" customFormat="1" ht="18" customHeight="1" x14ac:dyDescent="0.2">
      <c r="A74" s="112" t="s">
        <v>43</v>
      </c>
    </row>
    <row r="75" spans="1:15" s="113" customFormat="1" ht="18" customHeight="1" x14ac:dyDescent="0.2">
      <c r="A75" s="379" t="s">
        <v>615</v>
      </c>
      <c r="B75" s="380"/>
      <c r="C75" s="380"/>
      <c r="D75" s="381"/>
      <c r="E75" s="384" t="s">
        <v>609</v>
      </c>
      <c r="F75" s="384"/>
      <c r="G75" s="384"/>
      <c r="H75" s="384"/>
      <c r="I75" s="385"/>
      <c r="J75" s="361" t="s">
        <v>610</v>
      </c>
      <c r="K75" s="361"/>
      <c r="L75" s="361"/>
      <c r="M75" s="361"/>
      <c r="N75" s="362"/>
      <c r="O75" s="138" t="s">
        <v>49</v>
      </c>
    </row>
    <row r="76" spans="1:15" s="113" customFormat="1" ht="18" customHeight="1" x14ac:dyDescent="0.2">
      <c r="A76" s="368" t="s">
        <v>11</v>
      </c>
      <c r="B76" s="368" t="s">
        <v>25</v>
      </c>
      <c r="C76" s="206" t="s">
        <v>50</v>
      </c>
      <c r="D76" s="368" t="s">
        <v>12</v>
      </c>
      <c r="E76" s="359" t="s">
        <v>172</v>
      </c>
      <c r="F76" s="206" t="s">
        <v>50</v>
      </c>
      <c r="G76" s="353" t="s">
        <v>52</v>
      </c>
      <c r="H76" s="353"/>
      <c r="I76" s="353"/>
      <c r="J76" s="359" t="s">
        <v>172</v>
      </c>
      <c r="K76" s="206" t="s">
        <v>50</v>
      </c>
      <c r="L76" s="353" t="s">
        <v>52</v>
      </c>
      <c r="M76" s="353"/>
      <c r="N76" s="353"/>
      <c r="O76" s="93" t="s">
        <v>53</v>
      </c>
    </row>
    <row r="77" spans="1:15" s="113" customFormat="1" ht="18" customHeight="1" x14ac:dyDescent="0.2">
      <c r="A77" s="369"/>
      <c r="B77" s="369"/>
      <c r="C77" s="207" t="s">
        <v>54</v>
      </c>
      <c r="D77" s="369"/>
      <c r="E77" s="360"/>
      <c r="F77" s="207" t="s">
        <v>51</v>
      </c>
      <c r="G77" s="209" t="s">
        <v>13</v>
      </c>
      <c r="H77" s="209" t="s">
        <v>14</v>
      </c>
      <c r="I77" s="209" t="s">
        <v>15</v>
      </c>
      <c r="J77" s="360"/>
      <c r="K77" s="207" t="s">
        <v>51</v>
      </c>
      <c r="L77" s="209" t="s">
        <v>13</v>
      </c>
      <c r="M77" s="209" t="s">
        <v>14</v>
      </c>
      <c r="N77" s="209" t="s">
        <v>15</v>
      </c>
      <c r="O77" s="207" t="s">
        <v>175</v>
      </c>
    </row>
    <row r="78" spans="1:15" s="113" customFormat="1" ht="18" customHeight="1" x14ac:dyDescent="0.2">
      <c r="A78" s="413" t="s">
        <v>148</v>
      </c>
      <c r="B78" s="114"/>
      <c r="C78" s="202"/>
      <c r="D78" s="202"/>
      <c r="E78" s="114"/>
      <c r="F78" s="202"/>
      <c r="G78" s="202"/>
      <c r="H78" s="204"/>
      <c r="I78" s="204"/>
      <c r="J78" s="204"/>
      <c r="K78" s="204"/>
      <c r="L78" s="204"/>
      <c r="M78" s="204"/>
      <c r="N78" s="204"/>
      <c r="O78" s="115"/>
    </row>
    <row r="79" spans="1:15" s="113" customFormat="1" ht="18" customHeight="1" x14ac:dyDescent="0.2">
      <c r="A79" s="414"/>
      <c r="B79" s="116"/>
      <c r="C79" s="117"/>
      <c r="D79" s="117"/>
      <c r="E79" s="116"/>
      <c r="F79" s="117"/>
      <c r="G79" s="117"/>
      <c r="H79" s="118"/>
      <c r="I79" s="118"/>
      <c r="J79" s="118"/>
      <c r="K79" s="118"/>
      <c r="L79" s="118"/>
      <c r="M79" s="118"/>
      <c r="N79" s="118"/>
      <c r="O79" s="119"/>
    </row>
    <row r="80" spans="1:15" s="113" customFormat="1" ht="18" customHeight="1" x14ac:dyDescent="0.2">
      <c r="A80" s="414"/>
      <c r="B80" s="116"/>
      <c r="C80" s="117"/>
      <c r="D80" s="117"/>
      <c r="E80" s="116"/>
      <c r="F80" s="117"/>
      <c r="G80" s="117"/>
      <c r="H80" s="118"/>
      <c r="I80" s="118"/>
      <c r="J80" s="118"/>
      <c r="K80" s="118"/>
      <c r="L80" s="118"/>
      <c r="M80" s="118"/>
      <c r="N80" s="118"/>
      <c r="O80" s="119"/>
    </row>
    <row r="81" spans="1:15" s="113" customFormat="1" ht="18" customHeight="1" x14ac:dyDescent="0.2">
      <c r="A81" s="414"/>
      <c r="B81" s="116"/>
      <c r="C81" s="117"/>
      <c r="D81" s="117"/>
      <c r="E81" s="116"/>
      <c r="F81" s="117"/>
      <c r="G81" s="117"/>
      <c r="H81" s="118"/>
      <c r="I81" s="118"/>
      <c r="J81" s="118"/>
      <c r="K81" s="118"/>
      <c r="L81" s="118"/>
      <c r="M81" s="118"/>
      <c r="N81" s="118"/>
      <c r="O81" s="119"/>
    </row>
    <row r="82" spans="1:15" s="113" customFormat="1" ht="18" customHeight="1" x14ac:dyDescent="0.2">
      <c r="A82" s="414"/>
      <c r="B82" s="116"/>
      <c r="C82" s="117"/>
      <c r="D82" s="117"/>
      <c r="E82" s="116"/>
      <c r="F82" s="117"/>
      <c r="G82" s="117"/>
      <c r="H82" s="118"/>
      <c r="I82" s="118"/>
      <c r="J82" s="118"/>
      <c r="K82" s="118"/>
      <c r="L82" s="118"/>
      <c r="M82" s="118"/>
      <c r="N82" s="118"/>
      <c r="O82" s="119"/>
    </row>
    <row r="83" spans="1:15" s="113" customFormat="1" ht="18" customHeight="1" x14ac:dyDescent="0.2">
      <c r="A83" s="415"/>
      <c r="B83" s="116"/>
      <c r="C83" s="117"/>
      <c r="D83" s="117"/>
      <c r="E83" s="116"/>
      <c r="F83" s="117"/>
      <c r="G83" s="117"/>
      <c r="H83" s="118"/>
      <c r="I83" s="118"/>
      <c r="J83" s="118"/>
      <c r="K83" s="118"/>
      <c r="L83" s="118"/>
      <c r="M83" s="118"/>
      <c r="N83" s="118"/>
      <c r="O83" s="119"/>
    </row>
    <row r="84" spans="1:15" s="113" customFormat="1" ht="18" customHeight="1" x14ac:dyDescent="0.2">
      <c r="A84" s="415"/>
      <c r="B84" s="116"/>
      <c r="C84" s="117"/>
      <c r="D84" s="117"/>
      <c r="E84" s="120"/>
      <c r="F84" s="203"/>
      <c r="G84" s="203"/>
      <c r="H84" s="205"/>
      <c r="I84" s="205"/>
      <c r="J84" s="205"/>
      <c r="K84" s="205"/>
      <c r="L84" s="205"/>
      <c r="M84" s="205"/>
      <c r="N84" s="205"/>
      <c r="O84" s="121"/>
    </row>
    <row r="85" spans="1:15" s="113" customFormat="1" ht="18" customHeight="1" x14ac:dyDescent="0.2">
      <c r="A85" s="413" t="s">
        <v>140</v>
      </c>
      <c r="B85" s="116"/>
      <c r="C85" s="117"/>
      <c r="E85" s="114"/>
      <c r="F85" s="202"/>
      <c r="G85" s="202"/>
      <c r="H85" s="204"/>
      <c r="I85" s="204"/>
      <c r="J85" s="204"/>
      <c r="K85" s="204"/>
      <c r="L85" s="204"/>
      <c r="M85" s="204"/>
      <c r="N85" s="204"/>
      <c r="O85" s="115"/>
    </row>
    <row r="86" spans="1:15" s="113" customFormat="1" ht="18" customHeight="1" x14ac:dyDescent="0.2">
      <c r="A86" s="415"/>
      <c r="B86" s="116"/>
      <c r="C86" s="117"/>
      <c r="D86" s="117">
        <v>15</v>
      </c>
      <c r="E86" s="116"/>
      <c r="F86" s="117"/>
      <c r="G86" s="117"/>
      <c r="H86" s="118"/>
      <c r="I86" s="118"/>
      <c r="J86" s="118"/>
      <c r="K86" s="118"/>
      <c r="L86" s="118"/>
      <c r="M86" s="118"/>
      <c r="N86" s="118"/>
      <c r="O86" s="119"/>
    </row>
    <row r="87" spans="1:15" s="113" customFormat="1" ht="18" customHeight="1" x14ac:dyDescent="0.2">
      <c r="A87" s="415"/>
      <c r="B87" s="116"/>
      <c r="C87" s="117"/>
      <c r="D87" s="117"/>
      <c r="E87" s="116"/>
      <c r="F87" s="117"/>
      <c r="G87" s="117"/>
      <c r="H87" s="118"/>
      <c r="I87" s="118"/>
      <c r="J87" s="118"/>
      <c r="K87" s="118"/>
      <c r="L87" s="118"/>
      <c r="M87" s="118"/>
      <c r="N87" s="118"/>
      <c r="O87" s="119"/>
    </row>
    <row r="88" spans="1:15" s="113" customFormat="1" ht="18" customHeight="1" x14ac:dyDescent="0.2">
      <c r="A88" s="415"/>
      <c r="B88" s="116"/>
      <c r="C88" s="117"/>
      <c r="D88" s="117" t="s">
        <v>56</v>
      </c>
      <c r="E88" s="116"/>
      <c r="F88" s="117"/>
      <c r="G88" s="117"/>
      <c r="H88" s="118"/>
      <c r="I88" s="118"/>
      <c r="J88" s="118"/>
      <c r="K88" s="118"/>
      <c r="L88" s="118"/>
      <c r="M88" s="118"/>
      <c r="N88" s="118"/>
      <c r="O88" s="119"/>
    </row>
    <row r="89" spans="1:15" s="113" customFormat="1" ht="18" customHeight="1" x14ac:dyDescent="0.2">
      <c r="A89" s="415"/>
      <c r="B89" s="116"/>
      <c r="C89" s="117"/>
      <c r="D89" s="117"/>
      <c r="E89" s="116"/>
      <c r="F89" s="117"/>
      <c r="G89" s="117"/>
      <c r="H89" s="118"/>
      <c r="I89" s="118"/>
      <c r="J89" s="118"/>
      <c r="K89" s="118"/>
      <c r="L89" s="118"/>
      <c r="M89" s="118"/>
      <c r="N89" s="118"/>
      <c r="O89" s="119"/>
    </row>
    <row r="90" spans="1:15" s="113" customFormat="1" ht="18" customHeight="1" x14ac:dyDescent="0.2">
      <c r="A90" s="415"/>
      <c r="B90" s="416" t="s">
        <v>60</v>
      </c>
      <c r="C90" s="417"/>
      <c r="D90" s="117" t="s">
        <v>57</v>
      </c>
      <c r="E90" s="116"/>
      <c r="F90" s="117"/>
      <c r="G90" s="117"/>
      <c r="H90" s="118"/>
      <c r="I90" s="118"/>
      <c r="J90" s="118"/>
      <c r="K90" s="118"/>
      <c r="L90" s="118"/>
      <c r="M90" s="118"/>
      <c r="N90" s="118"/>
      <c r="O90" s="119"/>
    </row>
    <row r="91" spans="1:15" s="113" customFormat="1" ht="18" customHeight="1" x14ac:dyDescent="0.2">
      <c r="A91" s="415"/>
      <c r="B91" s="416" t="s">
        <v>61</v>
      </c>
      <c r="C91" s="417"/>
      <c r="D91" s="117"/>
      <c r="E91" s="120"/>
      <c r="F91" s="203"/>
      <c r="G91" s="203"/>
      <c r="H91" s="205"/>
      <c r="I91" s="205"/>
      <c r="J91" s="205"/>
      <c r="K91" s="205"/>
      <c r="L91" s="205"/>
      <c r="M91" s="205"/>
      <c r="N91" s="205"/>
      <c r="O91" s="121"/>
    </row>
    <row r="92" spans="1:15" s="113" customFormat="1" ht="18" customHeight="1" x14ac:dyDescent="0.2">
      <c r="A92" s="413" t="s">
        <v>142</v>
      </c>
      <c r="B92" s="416" t="s">
        <v>62</v>
      </c>
      <c r="C92" s="417"/>
      <c r="D92" s="117" t="s">
        <v>58</v>
      </c>
      <c r="E92" s="116"/>
      <c r="F92" s="202"/>
      <c r="G92" s="202"/>
      <c r="H92" s="204"/>
      <c r="I92" s="204"/>
      <c r="J92" s="204"/>
      <c r="K92" s="204"/>
      <c r="L92" s="204"/>
      <c r="M92" s="204"/>
      <c r="N92" s="204"/>
      <c r="O92" s="115"/>
    </row>
    <row r="93" spans="1:15" s="113" customFormat="1" ht="18" customHeight="1" x14ac:dyDescent="0.2">
      <c r="A93" s="415"/>
      <c r="B93" s="116"/>
      <c r="C93" s="117"/>
      <c r="D93" s="117"/>
      <c r="E93" s="116"/>
      <c r="F93" s="117"/>
      <c r="G93" s="117"/>
      <c r="H93" s="118"/>
      <c r="I93" s="118"/>
      <c r="J93" s="118"/>
      <c r="K93" s="118"/>
      <c r="L93" s="118"/>
      <c r="M93" s="118"/>
      <c r="N93" s="118"/>
      <c r="O93" s="119"/>
    </row>
    <row r="94" spans="1:15" s="113" customFormat="1" ht="18" customHeight="1" x14ac:dyDescent="0.2">
      <c r="A94" s="415"/>
      <c r="B94" s="116"/>
      <c r="C94" s="117"/>
      <c r="D94" s="117" t="s">
        <v>59</v>
      </c>
      <c r="E94" s="116"/>
      <c r="F94" s="117"/>
      <c r="G94" s="117"/>
      <c r="H94" s="118"/>
      <c r="I94" s="118"/>
      <c r="J94" s="118"/>
      <c r="K94" s="118"/>
      <c r="L94" s="118"/>
      <c r="M94" s="118"/>
      <c r="N94" s="118"/>
      <c r="O94" s="119"/>
    </row>
    <row r="95" spans="1:15" s="113" customFormat="1" ht="18" customHeight="1" x14ac:dyDescent="0.2">
      <c r="A95" s="415"/>
      <c r="B95" s="116"/>
      <c r="C95" s="117"/>
      <c r="D95" s="117"/>
      <c r="E95" s="122"/>
      <c r="F95" s="117"/>
      <c r="G95" s="117"/>
      <c r="H95" s="118"/>
      <c r="I95" s="118"/>
      <c r="J95" s="118"/>
      <c r="K95" s="118"/>
      <c r="L95" s="118"/>
      <c r="M95" s="118"/>
      <c r="N95" s="118"/>
      <c r="O95" s="119"/>
    </row>
    <row r="96" spans="1:15" s="113" customFormat="1" ht="18" customHeight="1" x14ac:dyDescent="0.2">
      <c r="A96" s="415"/>
      <c r="B96" s="116"/>
      <c r="C96" s="117"/>
      <c r="D96" s="117"/>
      <c r="E96" s="116"/>
      <c r="F96" s="117"/>
      <c r="G96" s="117"/>
      <c r="H96" s="118"/>
      <c r="I96" s="118"/>
      <c r="J96" s="118"/>
      <c r="K96" s="118"/>
      <c r="L96" s="118"/>
      <c r="M96" s="118"/>
      <c r="N96" s="118"/>
      <c r="O96" s="119"/>
    </row>
    <row r="97" spans="1:16" s="113" customFormat="1" ht="18" customHeight="1" x14ac:dyDescent="0.2">
      <c r="A97" s="415"/>
      <c r="B97" s="116" t="s">
        <v>135</v>
      </c>
      <c r="C97" s="117"/>
      <c r="D97" s="117"/>
      <c r="E97" s="116"/>
      <c r="F97" s="117"/>
      <c r="G97" s="123"/>
      <c r="H97" s="118"/>
      <c r="I97" s="118"/>
      <c r="J97" s="118"/>
      <c r="K97" s="118"/>
      <c r="L97" s="118"/>
      <c r="M97" s="118"/>
      <c r="N97" s="118"/>
      <c r="O97" s="119"/>
    </row>
    <row r="98" spans="1:16" s="113" customFormat="1" ht="18" customHeight="1" x14ac:dyDescent="0.2">
      <c r="A98" s="418"/>
      <c r="B98" s="116"/>
      <c r="C98" s="117"/>
      <c r="D98" s="117"/>
      <c r="E98" s="120"/>
      <c r="F98" s="203"/>
      <c r="G98" s="120"/>
      <c r="H98" s="205"/>
      <c r="I98" s="205"/>
      <c r="J98" s="205"/>
      <c r="K98" s="205"/>
      <c r="L98" s="205"/>
      <c r="M98" s="205"/>
      <c r="N98" s="205"/>
      <c r="O98" s="121"/>
    </row>
    <row r="99" spans="1:16" s="113" customFormat="1" ht="18" customHeight="1" x14ac:dyDescent="0.2">
      <c r="A99" s="409" t="s">
        <v>39</v>
      </c>
      <c r="B99" s="407" t="s">
        <v>152</v>
      </c>
      <c r="C99" s="366" t="s">
        <v>21</v>
      </c>
      <c r="D99" s="366">
        <v>2</v>
      </c>
      <c r="E99" s="114"/>
      <c r="F99" s="202"/>
      <c r="G99" s="202"/>
      <c r="H99" s="202"/>
      <c r="I99" s="202"/>
      <c r="J99" s="202"/>
      <c r="K99" s="202"/>
      <c r="L99" s="202"/>
      <c r="M99" s="202"/>
      <c r="N99" s="202"/>
      <c r="O99" s="124"/>
    </row>
    <row r="100" spans="1:16" s="113" customFormat="1" ht="18" customHeight="1" x14ac:dyDescent="0.2">
      <c r="A100" s="422"/>
      <c r="B100" s="408"/>
      <c r="C100" s="367"/>
      <c r="D100" s="367"/>
      <c r="E100" s="120"/>
      <c r="F100" s="203"/>
      <c r="G100" s="203"/>
      <c r="H100" s="203"/>
      <c r="I100" s="203"/>
      <c r="J100" s="203"/>
      <c r="K100" s="203"/>
      <c r="L100" s="203"/>
      <c r="M100" s="203"/>
      <c r="N100" s="203"/>
      <c r="O100" s="136"/>
    </row>
    <row r="101" spans="1:16" s="113" customFormat="1" ht="18" customHeight="1" x14ac:dyDescent="0.2">
      <c r="A101" s="422"/>
      <c r="B101" s="409" t="s">
        <v>153</v>
      </c>
      <c r="C101" s="366" t="s">
        <v>26</v>
      </c>
      <c r="D101" s="366">
        <v>1</v>
      </c>
      <c r="E101" s="114"/>
      <c r="F101" s="202"/>
      <c r="G101" s="202"/>
      <c r="H101" s="202"/>
      <c r="I101" s="202"/>
      <c r="J101" s="202"/>
      <c r="K101" s="202"/>
      <c r="L101" s="202"/>
      <c r="M101" s="202"/>
      <c r="N101" s="202"/>
      <c r="O101" s="124"/>
    </row>
    <row r="102" spans="1:16" s="113" customFormat="1" ht="18" customHeight="1" x14ac:dyDescent="0.2">
      <c r="A102" s="410"/>
      <c r="B102" s="410"/>
      <c r="C102" s="367"/>
      <c r="D102" s="367"/>
      <c r="E102" s="120"/>
      <c r="F102" s="203"/>
      <c r="G102" s="203"/>
      <c r="H102" s="203"/>
      <c r="I102" s="203"/>
      <c r="J102" s="203"/>
      <c r="K102" s="203"/>
      <c r="L102" s="203"/>
      <c r="M102" s="203"/>
      <c r="N102" s="203"/>
      <c r="O102" s="120"/>
    </row>
    <row r="103" spans="1:16" s="113" customFormat="1" ht="18" customHeight="1" x14ac:dyDescent="0.2">
      <c r="A103" s="400" t="s">
        <v>41</v>
      </c>
      <c r="B103" s="404"/>
      <c r="C103" s="400" t="s">
        <v>149</v>
      </c>
      <c r="D103" s="401"/>
      <c r="E103" s="140"/>
      <c r="F103" s="140"/>
      <c r="G103" s="125"/>
      <c r="H103" s="125"/>
      <c r="I103" s="125"/>
      <c r="J103" s="140"/>
      <c r="K103" s="140"/>
      <c r="L103" s="125"/>
      <c r="M103" s="125"/>
      <c r="N103" s="125"/>
      <c r="O103" s="126"/>
    </row>
    <row r="104" spans="1:16" s="113" customFormat="1" ht="18" customHeight="1" x14ac:dyDescent="0.2">
      <c r="A104" s="405"/>
      <c r="B104" s="406"/>
      <c r="C104" s="402"/>
      <c r="D104" s="403"/>
      <c r="E104" s="356"/>
      <c r="F104" s="357"/>
      <c r="G104" s="357"/>
      <c r="H104" s="357"/>
      <c r="I104" s="358"/>
      <c r="J104" s="356" t="s">
        <v>179</v>
      </c>
      <c r="K104" s="357"/>
      <c r="L104" s="357"/>
      <c r="M104" s="357"/>
      <c r="N104" s="358"/>
      <c r="O104" s="126"/>
    </row>
    <row r="105" spans="1:16" ht="18" customHeight="1" x14ac:dyDescent="0.2"/>
    <row r="106" spans="1:16" s="127" customFormat="1" ht="18" customHeight="1" x14ac:dyDescent="0.2">
      <c r="A106" s="127" t="s">
        <v>224</v>
      </c>
    </row>
    <row r="107" spans="1:16" s="129" customFormat="1" ht="18" customHeight="1" x14ac:dyDescent="0.2">
      <c r="A107" s="217" t="s">
        <v>136</v>
      </c>
      <c r="B107" s="218"/>
      <c r="C107" s="218"/>
      <c r="D107" s="218"/>
      <c r="E107" s="363" t="s">
        <v>609</v>
      </c>
      <c r="F107" s="364"/>
      <c r="G107" s="364"/>
      <c r="H107" s="364"/>
      <c r="I107" s="365"/>
      <c r="J107" s="361" t="s">
        <v>610</v>
      </c>
      <c r="K107" s="361"/>
      <c r="L107" s="361"/>
      <c r="M107" s="361"/>
      <c r="N107" s="362"/>
      <c r="O107" s="206" t="s">
        <v>136</v>
      </c>
      <c r="P107" s="128"/>
    </row>
    <row r="108" spans="1:16" s="129" customFormat="1" ht="18" customHeight="1" x14ac:dyDescent="0.2">
      <c r="A108" s="130"/>
      <c r="B108" s="131"/>
      <c r="C108" s="131"/>
      <c r="D108" s="131"/>
      <c r="E108" s="359" t="s">
        <v>172</v>
      </c>
      <c r="F108" s="206" t="s">
        <v>50</v>
      </c>
      <c r="G108" s="353" t="s">
        <v>52</v>
      </c>
      <c r="H108" s="353"/>
      <c r="I108" s="353"/>
      <c r="J108" s="359" t="s">
        <v>172</v>
      </c>
      <c r="K108" s="206" t="s">
        <v>50</v>
      </c>
      <c r="L108" s="353" t="s">
        <v>52</v>
      </c>
      <c r="M108" s="353"/>
      <c r="N108" s="353"/>
      <c r="O108" s="93" t="s">
        <v>137</v>
      </c>
      <c r="P108" s="128"/>
    </row>
    <row r="109" spans="1:16" s="129" customFormat="1" ht="18" customHeight="1" x14ac:dyDescent="0.2">
      <c r="A109" s="130"/>
      <c r="B109" s="131"/>
      <c r="C109" s="131"/>
      <c r="D109" s="131"/>
      <c r="E109" s="360"/>
      <c r="F109" s="207" t="s">
        <v>51</v>
      </c>
      <c r="G109" s="209" t="s">
        <v>13</v>
      </c>
      <c r="H109" s="209" t="s">
        <v>14</v>
      </c>
      <c r="I109" s="209" t="s">
        <v>15</v>
      </c>
      <c r="J109" s="360"/>
      <c r="K109" s="207" t="s">
        <v>51</v>
      </c>
      <c r="L109" s="209" t="s">
        <v>13</v>
      </c>
      <c r="M109" s="209" t="s">
        <v>14</v>
      </c>
      <c r="N109" s="209" t="s">
        <v>15</v>
      </c>
      <c r="O109" s="207" t="s">
        <v>175</v>
      </c>
      <c r="P109" s="128"/>
    </row>
    <row r="110" spans="1:16" s="129" customFormat="1" ht="18" customHeight="1" x14ac:dyDescent="0.2">
      <c r="A110" s="130"/>
      <c r="B110" s="131"/>
      <c r="C110" s="131"/>
      <c r="D110" s="131"/>
      <c r="E110" s="134"/>
      <c r="F110" s="132"/>
      <c r="G110" s="216"/>
      <c r="H110" s="216"/>
      <c r="I110" s="216"/>
      <c r="J110" s="133"/>
      <c r="K110" s="133"/>
      <c r="L110" s="133"/>
      <c r="M110" s="133"/>
      <c r="N110" s="133"/>
      <c r="O110" s="133"/>
      <c r="P110" s="128"/>
    </row>
    <row r="111" spans="1:16" s="129" customFormat="1" ht="18" customHeight="1" x14ac:dyDescent="0.2">
      <c r="A111" s="419" t="s">
        <v>66</v>
      </c>
      <c r="B111" s="420"/>
      <c r="C111" s="420"/>
      <c r="D111" s="421"/>
      <c r="E111" s="134"/>
      <c r="F111" s="132"/>
      <c r="G111" s="216"/>
      <c r="H111" s="216"/>
      <c r="I111" s="216"/>
      <c r="J111" s="133"/>
      <c r="K111" s="133"/>
      <c r="L111" s="133"/>
      <c r="M111" s="133"/>
      <c r="N111" s="133"/>
      <c r="O111" s="133"/>
      <c r="P111" s="128"/>
    </row>
    <row r="112" spans="1:16" s="129" customFormat="1" ht="18" customHeight="1" x14ac:dyDescent="0.2">
      <c r="A112" s="419" t="s">
        <v>67</v>
      </c>
      <c r="B112" s="420"/>
      <c r="C112" s="420"/>
      <c r="D112" s="421"/>
      <c r="E112" s="134"/>
      <c r="F112" s="132"/>
      <c r="G112" s="216"/>
      <c r="H112" s="216"/>
      <c r="I112" s="216"/>
      <c r="J112" s="133"/>
      <c r="K112" s="133"/>
      <c r="L112" s="133"/>
      <c r="M112" s="133"/>
      <c r="N112" s="133"/>
      <c r="O112" s="133"/>
      <c r="P112" s="128"/>
    </row>
    <row r="113" spans="1:16" s="129" customFormat="1" ht="18" customHeight="1" x14ac:dyDescent="0.2">
      <c r="A113" s="419"/>
      <c r="B113" s="420"/>
      <c r="C113" s="420"/>
      <c r="D113" s="421"/>
      <c r="E113" s="135"/>
      <c r="F113" s="132"/>
      <c r="G113" s="216"/>
      <c r="H113" s="216"/>
      <c r="I113" s="216"/>
      <c r="J113" s="133"/>
      <c r="K113" s="133"/>
      <c r="L113" s="133"/>
      <c r="M113" s="133"/>
      <c r="N113" s="133"/>
      <c r="O113" s="133"/>
      <c r="P113" s="128"/>
    </row>
    <row r="114" spans="1:16" s="129" customFormat="1" ht="18" customHeight="1" x14ac:dyDescent="0.2">
      <c r="A114" s="130"/>
      <c r="B114" s="131"/>
      <c r="C114" s="131"/>
      <c r="D114" s="131"/>
      <c r="E114" s="135"/>
      <c r="F114" s="132"/>
      <c r="G114" s="216"/>
      <c r="H114" s="216"/>
      <c r="I114" s="216"/>
      <c r="J114" s="133"/>
      <c r="K114" s="133"/>
      <c r="L114" s="133"/>
      <c r="M114" s="133"/>
      <c r="N114" s="133"/>
      <c r="O114" s="133"/>
      <c r="P114" s="128"/>
    </row>
    <row r="115" spans="1:16" s="129" customFormat="1" ht="18" customHeight="1" x14ac:dyDescent="0.2">
      <c r="A115" s="130"/>
      <c r="B115" s="131"/>
      <c r="C115" s="131"/>
      <c r="D115" s="131"/>
      <c r="E115" s="134"/>
      <c r="F115" s="132"/>
      <c r="G115" s="216"/>
      <c r="H115" s="216"/>
      <c r="I115" s="216"/>
      <c r="J115" s="133"/>
      <c r="K115" s="133"/>
      <c r="L115" s="133"/>
      <c r="M115" s="133"/>
      <c r="N115" s="133"/>
      <c r="O115" s="133"/>
      <c r="P115" s="128"/>
    </row>
    <row r="116" spans="1:16" s="129" customFormat="1" ht="18" customHeight="1" x14ac:dyDescent="0.2">
      <c r="A116" s="130"/>
      <c r="B116" s="131"/>
      <c r="C116" s="131"/>
      <c r="D116" s="131"/>
      <c r="E116" s="134"/>
      <c r="F116" s="132"/>
      <c r="G116" s="216"/>
      <c r="H116" s="216"/>
      <c r="I116" s="216"/>
      <c r="J116" s="133"/>
      <c r="K116" s="133"/>
      <c r="L116" s="133"/>
      <c r="M116" s="133"/>
      <c r="N116" s="133"/>
      <c r="O116" s="133"/>
      <c r="P116" s="128"/>
    </row>
    <row r="117" spans="1:16" s="129" customFormat="1" ht="18" customHeight="1" x14ac:dyDescent="0.2">
      <c r="A117" s="130"/>
      <c r="B117" s="131"/>
      <c r="C117" s="131"/>
      <c r="D117" s="131"/>
      <c r="E117" s="134"/>
      <c r="F117" s="132"/>
      <c r="G117" s="216"/>
      <c r="H117" s="216"/>
      <c r="I117" s="216"/>
      <c r="J117" s="133"/>
      <c r="K117" s="133"/>
      <c r="L117" s="133"/>
      <c r="M117" s="133"/>
      <c r="N117" s="133"/>
      <c r="O117" s="133"/>
      <c r="P117" s="128"/>
    </row>
    <row r="118" spans="1:16" s="129" customFormat="1" ht="18" customHeight="1" x14ac:dyDescent="0.2">
      <c r="A118" s="411" t="s">
        <v>41</v>
      </c>
      <c r="B118" s="412"/>
      <c r="C118" s="412"/>
      <c r="D118" s="412"/>
      <c r="E118" s="140"/>
      <c r="F118" s="140"/>
      <c r="G118" s="216"/>
      <c r="H118" s="216"/>
      <c r="I118" s="216"/>
      <c r="J118" s="140"/>
      <c r="K118" s="140"/>
      <c r="L118" s="216"/>
      <c r="M118" s="216"/>
      <c r="N118" s="216"/>
      <c r="O118" s="214"/>
      <c r="P118" s="128"/>
    </row>
    <row r="133" ht="18" customHeight="1" x14ac:dyDescent="0.2"/>
    <row r="134" ht="18" customHeight="1" x14ac:dyDescent="0.2"/>
    <row r="135" ht="18" customHeight="1" x14ac:dyDescent="0.2"/>
    <row r="136" ht="18" customHeight="1" x14ac:dyDescent="0.2"/>
    <row r="137" ht="18" customHeight="1" x14ac:dyDescent="0.2"/>
    <row r="138" ht="18" customHeight="1" x14ac:dyDescent="0.2"/>
    <row r="139" ht="18" customHeight="1" x14ac:dyDescent="0.2"/>
    <row r="140" ht="18" customHeight="1" x14ac:dyDescent="0.2"/>
    <row r="141" ht="18" customHeight="1" x14ac:dyDescent="0.2"/>
    <row r="142" ht="18" customHeight="1" x14ac:dyDescent="0.2"/>
    <row r="143" ht="18" customHeight="1" x14ac:dyDescent="0.2"/>
    <row r="144" ht="18" customHeight="1" x14ac:dyDescent="0.2"/>
    <row r="145" ht="18" customHeight="1" x14ac:dyDescent="0.2"/>
    <row r="146" ht="18" customHeight="1" x14ac:dyDescent="0.2"/>
    <row r="147" ht="18" customHeight="1" x14ac:dyDescent="0.2"/>
    <row r="148" ht="18" customHeight="1" x14ac:dyDescent="0.2"/>
    <row r="149" ht="18" customHeight="1" x14ac:dyDescent="0.2"/>
    <row r="150" ht="18" customHeight="1" x14ac:dyDescent="0.2"/>
    <row r="151" ht="18" customHeight="1" x14ac:dyDescent="0.2"/>
    <row r="152" ht="18" customHeight="1" x14ac:dyDescent="0.2"/>
    <row r="153" ht="18" customHeight="1" x14ac:dyDescent="0.2"/>
  </sheetData>
  <mergeCells count="99">
    <mergeCell ref="E75:I75"/>
    <mergeCell ref="E72:I72"/>
    <mergeCell ref="A75:D75"/>
    <mergeCell ref="A118:D118"/>
    <mergeCell ref="A78:A84"/>
    <mergeCell ref="A85:A91"/>
    <mergeCell ref="B90:C90"/>
    <mergeCell ref="B91:C91"/>
    <mergeCell ref="A92:A98"/>
    <mergeCell ref="A113:D113"/>
    <mergeCell ref="A99:A102"/>
    <mergeCell ref="B92:C92"/>
    <mergeCell ref="A112:D112"/>
    <mergeCell ref="C101:C102"/>
    <mergeCell ref="A111:D111"/>
    <mergeCell ref="A71:B72"/>
    <mergeCell ref="C71:D72"/>
    <mergeCell ref="C103:D104"/>
    <mergeCell ref="A103:B104"/>
    <mergeCell ref="B99:B100"/>
    <mergeCell ref="B101:B102"/>
    <mergeCell ref="C99:C100"/>
    <mergeCell ref="A76:A77"/>
    <mergeCell ref="B76:B77"/>
    <mergeCell ref="D76:D77"/>
    <mergeCell ref="A2:O2"/>
    <mergeCell ref="A4:B4"/>
    <mergeCell ref="A5:D5"/>
    <mergeCell ref="A8:A24"/>
    <mergeCell ref="A25:B26"/>
    <mergeCell ref="C25:D26"/>
    <mergeCell ref="J5:N5"/>
    <mergeCell ref="L6:N6"/>
    <mergeCell ref="J26:N26"/>
    <mergeCell ref="E5:I5"/>
    <mergeCell ref="B23:B24"/>
    <mergeCell ref="E26:I26"/>
    <mergeCell ref="A6:A7"/>
    <mergeCell ref="B6:B7"/>
    <mergeCell ref="D6:D7"/>
    <mergeCell ref="A45:A49"/>
    <mergeCell ref="E35:I35"/>
    <mergeCell ref="B69:B70"/>
    <mergeCell ref="I69:I70"/>
    <mergeCell ref="C69:C70"/>
    <mergeCell ref="A50:A66"/>
    <mergeCell ref="A67:A68"/>
    <mergeCell ref="A69:A70"/>
    <mergeCell ref="E69:E70"/>
    <mergeCell ref="F69:F70"/>
    <mergeCell ref="G69:G70"/>
    <mergeCell ref="H69:H70"/>
    <mergeCell ref="C52:C56"/>
    <mergeCell ref="L36:N36"/>
    <mergeCell ref="G36:I36"/>
    <mergeCell ref="E36:E37"/>
    <mergeCell ref="J36:J37"/>
    <mergeCell ref="J6:J7"/>
    <mergeCell ref="J35:N35"/>
    <mergeCell ref="A28:O28"/>
    <mergeCell ref="A29:O29"/>
    <mergeCell ref="A30:O30"/>
    <mergeCell ref="A31:O31"/>
    <mergeCell ref="G6:I6"/>
    <mergeCell ref="E6:E7"/>
    <mergeCell ref="A32:O32"/>
    <mergeCell ref="A35:D35"/>
    <mergeCell ref="O69:O70"/>
    <mergeCell ref="J72:N72"/>
    <mergeCell ref="A36:A37"/>
    <mergeCell ref="B36:B37"/>
    <mergeCell ref="D36:D37"/>
    <mergeCell ref="J69:J70"/>
    <mergeCell ref="K69:K70"/>
    <mergeCell ref="L69:L70"/>
    <mergeCell ref="M69:M70"/>
    <mergeCell ref="N69:N70"/>
    <mergeCell ref="B52:B56"/>
    <mergeCell ref="D52:D56"/>
    <mergeCell ref="B57:B60"/>
    <mergeCell ref="C57:C60"/>
    <mergeCell ref="D57:D60"/>
    <mergeCell ref="A38:A44"/>
    <mergeCell ref="G108:I108"/>
    <mergeCell ref="D69:D70"/>
    <mergeCell ref="J104:N104"/>
    <mergeCell ref="E108:E109"/>
    <mergeCell ref="J107:N107"/>
    <mergeCell ref="J108:J109"/>
    <mergeCell ref="L108:N108"/>
    <mergeCell ref="J75:N75"/>
    <mergeCell ref="L76:N76"/>
    <mergeCell ref="E76:E77"/>
    <mergeCell ref="J76:J77"/>
    <mergeCell ref="E107:I107"/>
    <mergeCell ref="D99:D100"/>
    <mergeCell ref="D101:D102"/>
    <mergeCell ref="E104:I104"/>
    <mergeCell ref="G76:I76"/>
  </mergeCells>
  <phoneticPr fontId="8"/>
  <pageMargins left="0.47244094488188981" right="0.19685039370078741" top="0.6692913385826772" bottom="0.51181102362204722" header="0.62992125984251968" footer="0.31496062992125984"/>
  <pageSetup paperSize="9" scale="72" fitToWidth="0" fitToHeight="0" orientation="landscape" horizontalDpi="300" r:id="rId1"/>
  <headerFooter alignWithMargins="0"/>
  <rowBreaks count="3" manualBreakCount="3">
    <brk id="33" max="16383" man="1"/>
    <brk id="72" max="14" man="1"/>
    <brk id="105" max="9"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2DA299AC048A4B8EA9C1D19079C1A3220039A7DF94C25E0640982C70EA6DE7A75E" ma:contentTypeVersion="" ma:contentTypeDescription="" ma:contentTypeScope="" ma:versionID="05b2ea94a97da5264491db378a96272b">
  <xsd:schema xmlns:xsd="http://www.w3.org/2001/XMLSchema" xmlns:xs="http://www.w3.org/2001/XMLSchema" xmlns:p="http://schemas.microsoft.com/office/2006/metadata/properties" xmlns:ns1="$ListId:DocLib;" targetNamespace="http://schemas.microsoft.com/office/2006/metadata/properties" ma:root="true" ma:fieldsID="d0e5910bb3ddc84e64de51866d2c8b81" ns1:_="">
    <xsd:import namespace="$ListId:DocLib;"/>
    <xsd:element name="properties">
      <xsd:complexType>
        <xsd:sequence>
          <xsd:element name="documentManagement">
            <xsd:complexType>
              <xsd:all>
                <xsd:element ref="ns1:ClassLarge" minOccurs="0"/>
                <xsd:element ref="ns1:ClassMedium" minOccurs="0"/>
                <xsd:element ref="ns1:ClassSmall" minOccurs="0"/>
                <xsd:element ref="ns1:GyoseiFile" minOccurs="0"/>
                <xsd:element ref="ns1:CreatedBy" minOccurs="0"/>
                <xsd:element ref="ns1:PreservationPeriod" minOccurs="0"/>
                <xsd:element ref="ns1:PreservationPeriodExpire" minOccurs="0"/>
                <xsd:element ref="ns1:CreatedDate" minOccurs="0"/>
                <xsd:element ref="ns1:FixationStatus" minOccurs="0"/>
                <xsd:element ref="ns1:EditorWithSpac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ListId:DocLib;" elementFormDefault="qualified">
    <xsd:import namespace="http://schemas.microsoft.com/office/2006/documentManagement/types"/>
    <xsd:import namespace="http://schemas.microsoft.com/office/infopath/2007/PartnerControls"/>
    <xsd:element name="ClassLarge" ma:index="0" nillable="true" ma:displayName="大分類" ma:hidden="true" ma:internalName="ClassLarge" ma:readOnly="true">
      <xsd:simpleType>
        <xsd:restriction base="dms:Unknown"/>
      </xsd:simpleType>
    </xsd:element>
    <xsd:element name="ClassMedium" ma:index="1" nillable="true" ma:displayName="中分類" ma:hidden="true" ma:internalName="ClassMedium" ma:readOnly="true">
      <xsd:simpleType>
        <xsd:restriction base="dms:Unknown"/>
      </xsd:simpleType>
    </xsd:element>
    <xsd:element name="ClassSmall" ma:index="2" nillable="true" ma:displayName="小分類" ma:hidden="true" ma:internalName="ClassSmall" ma:readOnly="true">
      <xsd:simpleType>
        <xsd:restriction base="dms:Unknown"/>
      </xsd:simpleType>
    </xsd:element>
    <xsd:element name="GyoseiFile" ma:index="3" nillable="true" ma:displayName="行政文書ファイル名" ma:hidden="true" ma:internalName="GyoseiFile" ma:readOnly="true">
      <xsd:simpleType>
        <xsd:restriction base="dms:Unknown"/>
      </xsd:simpleType>
    </xsd:element>
    <xsd:element name="CreatedBy" ma:index="4" nillable="true" ma:displayName="作成課/係・作成者" ma:hidden="true" ma:internalName="CreatedBy" ma:readOnly="true">
      <xsd:simpleType>
        <xsd:restriction base="dms:Unknown"/>
      </xsd:simpleType>
    </xsd:element>
    <xsd:element name="PreservationPeriod" ma:index="5" nillable="true" ma:displayName="保存期間" ma:hidden="true" ma:internalName="PreservationPeriod" ma:readOnly="true">
      <xsd:simpleType>
        <xsd:restriction base="dms:Unknown"/>
      </xsd:simpleType>
    </xsd:element>
    <xsd:element name="PreservationPeriodExpire" ma:index="6" nillable="true" ma:displayName="保存期間満了時期" ma:format="DateOnly" ma:hidden="true" ma:internalName="PreservationPeriodExpire" ma:readOnly="true">
      <xsd:simpleType>
        <xsd:restriction base="dms:Unknown"/>
      </xsd:simpleType>
    </xsd:element>
    <xsd:element name="CreatedDate" ma:index="7" nillable="true" ma:displayName="作成年月日" ma:hidden="true" ma:internalName="CreatedDate" ma:readOnly="true">
      <xsd:simpleType>
        <xsd:restriction base="dms:Unknown"/>
      </xsd:simpleType>
    </xsd:element>
    <xsd:element name="FixationStatus" ma:index="8" nillable="true" ma:displayName="確定状況" ma:hidden="true" ma:internalName="FixationStatus" ma:readOnly="true">
      <xsd:simpleType>
        <xsd:restriction base="dms:Unknown"/>
      </xsd:simpleType>
    </xsd:element>
    <xsd:element name="EditorWithSpace" ma:index="10" nillable="true" ma:displayName="更新者　　　　　　" ma:hidden="true" ma:internalName="EditorWithSpace" ma:readOnly="tru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xsd:element ref="dc:title" minOccurs="0" maxOccurs="1" ma:displayName="タイトル" ma:readOnly="tru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F6FD751C-3824-4A96-80F2-3D2555F1CEF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ListId:DocLi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97B2F50D-464A-4BC4-B867-E0F2F91DB5B7}">
  <ds:schemaRefs>
    <ds:schemaRef ds:uri="http://schemas.openxmlformats.org/package/2006/metadata/core-properties"/>
    <ds:schemaRef ds:uri="http://schemas.microsoft.com/office/2006/documentManagement/types"/>
    <ds:schemaRef ds:uri="http://www.w3.org/XML/1998/namespace"/>
    <ds:schemaRef ds:uri="$ListId:DocLib;"/>
    <ds:schemaRef ds:uri="http://purl.org/dc/elements/1.1/"/>
    <ds:schemaRef ds:uri="http://schemas.microsoft.com/office/infopath/2007/PartnerControls"/>
    <ds:schemaRef ds:uri="http://purl.org/dc/terms/"/>
    <ds:schemaRef ds:uri="http://schemas.microsoft.com/office/2006/metadata/properties"/>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0</vt:i4>
      </vt:variant>
      <vt:variant>
        <vt:lpstr>名前付き一覧</vt:lpstr>
      </vt:variant>
      <vt:variant>
        <vt:i4>11</vt:i4>
      </vt:variant>
    </vt:vector>
  </HeadingPairs>
  <TitlesOfParts>
    <vt:vector size="31" baseType="lpstr">
      <vt:lpstr>１かがみ（計画書）</vt:lpstr>
      <vt:lpstr>１かがみ (申請書)</vt:lpstr>
      <vt:lpstr>２計画書</vt:lpstr>
      <vt:lpstr>２申請書</vt:lpstr>
      <vt:lpstr>【様式１】施設長履歴書</vt:lpstr>
      <vt:lpstr>施設長就任承諾書</vt:lpstr>
      <vt:lpstr>【様式２】教員調書</vt:lpstr>
      <vt:lpstr>教員就任承諾書</vt:lpstr>
      <vt:lpstr>【様式３～６】読替表（１）</vt:lpstr>
      <vt:lpstr>【様式７】読替表（２）</vt:lpstr>
      <vt:lpstr>【様式８】授業概要</vt:lpstr>
      <vt:lpstr>【様式９】時間割</vt:lpstr>
      <vt:lpstr>【様式10】授業進度計画表</vt:lpstr>
      <vt:lpstr>【様式11】変更内容調書</vt:lpstr>
      <vt:lpstr>【様式12】建物一覧</vt:lpstr>
      <vt:lpstr>【様式13】備品一覧</vt:lpstr>
      <vt:lpstr>【様式14】実習施設一覧</vt:lpstr>
      <vt:lpstr>【様式15】実習施設承諾書</vt:lpstr>
      <vt:lpstr>【様式16】巡回指導計画表</vt:lpstr>
      <vt:lpstr>【様式17】調査書（指定都市のみ）</vt:lpstr>
      <vt:lpstr>【様式10】授業進度計画表!Print_Area</vt:lpstr>
      <vt:lpstr>【様式12】建物一覧!Print_Area</vt:lpstr>
      <vt:lpstr>【様式13】備品一覧!Print_Area</vt:lpstr>
      <vt:lpstr>【様式15】実習施設承諾書!Print_Area</vt:lpstr>
      <vt:lpstr>'【様式17】調査書（指定都市のみ）'!Print_Area</vt:lpstr>
      <vt:lpstr>'【様式３～６】読替表（１）'!Print_Area</vt:lpstr>
      <vt:lpstr>【様式８】授業概要!Print_Area</vt:lpstr>
      <vt:lpstr>'１かがみ (申請書)'!Print_Area</vt:lpstr>
      <vt:lpstr>'１かがみ（計画書）'!Print_Area</vt:lpstr>
      <vt:lpstr>'２計画書'!Print_Area</vt:lpstr>
      <vt:lpstr>'２申請書'!Print_Area</vt:lpstr>
    </vt:vector>
  </TitlesOfParts>
  <Company>近畿大学豊岡短期大学</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homu01</dc:creator>
  <cp:lastModifiedBy>user</cp:lastModifiedBy>
  <cp:lastPrinted>2024-11-14T22:51:00Z</cp:lastPrinted>
  <dcterms:created xsi:type="dcterms:W3CDTF">2004-10-07T05:43:11Z</dcterms:created>
  <dcterms:modified xsi:type="dcterms:W3CDTF">2024-11-21T00:16:41Z</dcterms:modified>
</cp:coreProperties>
</file>